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0F410B" w:rsidRDefault="007B6614" w:rsidP="003E02D5">
      <w:pPr>
        <w:pStyle w:val="AmDateTab"/>
      </w:pPr>
      <w:bookmarkStart w:id="0" w:name="_GoBack"/>
      <w:bookmarkEnd w:id="0"/>
      <w:r w:rsidRPr="000F410B">
        <w:rPr>
          <w:rStyle w:val="HideTWBExt"/>
          <w:noProof w:val="0"/>
        </w:rPr>
        <w:t>&lt;RepeatBlock-Amend&gt;</w:t>
      </w:r>
      <w:bookmarkStart w:id="1" w:name="restart"/>
      <w:r w:rsidRPr="000F410B">
        <w:rPr>
          <w:rStyle w:val="HideTWBExt"/>
          <w:noProof w:val="0"/>
        </w:rPr>
        <w:t>&lt;Amend&gt;&lt;Date&gt;</w:t>
      </w:r>
      <w:r w:rsidRPr="000F410B">
        <w:rPr>
          <w:rStyle w:val="HideTWBInt"/>
        </w:rPr>
        <w:t>{28/02/2022}</w:t>
      </w:r>
      <w:r w:rsidRPr="000F410B">
        <w:t>28.2.2022</w:t>
      </w:r>
      <w:r w:rsidRPr="000F410B">
        <w:rPr>
          <w:rStyle w:val="HideTWBExt"/>
          <w:noProof w:val="0"/>
        </w:rPr>
        <w:t>&lt;/Date&gt;</w:t>
      </w:r>
      <w:r w:rsidRPr="000F410B">
        <w:tab/>
      </w:r>
      <w:r w:rsidRPr="000F410B">
        <w:rPr>
          <w:rStyle w:val="HideTWBExt"/>
          <w:noProof w:val="0"/>
        </w:rPr>
        <w:t>&lt;ANo&gt;</w:t>
      </w:r>
      <w:r w:rsidRPr="000F410B">
        <w:t>B9</w:t>
      </w:r>
      <w:r w:rsidRPr="000F410B">
        <w:noBreakHyphen/>
        <w:t>0123</w:t>
      </w:r>
      <w:r w:rsidRPr="000F410B">
        <w:rPr>
          <w:rStyle w:val="HideTWBExt"/>
          <w:noProof w:val="0"/>
        </w:rPr>
        <w:t>&lt;/ANo&gt;</w:t>
      </w:r>
      <w:r w:rsidRPr="000F410B">
        <w:t>/</w:t>
      </w:r>
      <w:r w:rsidRPr="000F410B">
        <w:rPr>
          <w:rStyle w:val="HideTWBExt"/>
          <w:noProof w:val="0"/>
        </w:rPr>
        <w:t>&lt;NumAm&gt;</w:t>
      </w:r>
      <w:r w:rsidRPr="000F410B">
        <w:t>12</w:t>
      </w:r>
      <w:r w:rsidRPr="000F410B">
        <w:rPr>
          <w:rStyle w:val="HideTWBExt"/>
          <w:noProof w:val="0"/>
        </w:rPr>
        <w:t>&lt;/NumAm&gt;</w:t>
      </w:r>
    </w:p>
    <w:p w:rsidR="00244319" w:rsidRPr="000F410B" w:rsidRDefault="007B6614" w:rsidP="00244319">
      <w:pPr>
        <w:pStyle w:val="AmNumberTabs"/>
      </w:pPr>
      <w:r w:rsidRPr="000F410B">
        <w:t>Amendamentul</w:t>
      </w:r>
      <w:r w:rsidRPr="000F410B">
        <w:tab/>
      </w:r>
      <w:r w:rsidRPr="000F410B">
        <w:tab/>
      </w:r>
      <w:r w:rsidRPr="000F410B">
        <w:rPr>
          <w:rStyle w:val="HideTWBExt"/>
          <w:b w:val="0"/>
          <w:noProof w:val="0"/>
        </w:rPr>
        <w:t>&lt;NumAm&gt;</w:t>
      </w:r>
      <w:r w:rsidRPr="000F410B">
        <w:t>12</w:t>
      </w:r>
      <w:r w:rsidRPr="000F410B">
        <w:rPr>
          <w:rStyle w:val="HideTWBExt"/>
          <w:b w:val="0"/>
          <w:noProof w:val="0"/>
        </w:rPr>
        <w:t>&lt;/NumAm&gt;</w:t>
      </w:r>
    </w:p>
    <w:p w:rsidR="006959AA" w:rsidRPr="000F410B" w:rsidRDefault="007B6614" w:rsidP="006959AA">
      <w:pPr>
        <w:pStyle w:val="NormalBold"/>
      </w:pPr>
      <w:r w:rsidRPr="000F410B">
        <w:rPr>
          <w:rStyle w:val="HideTWBExt"/>
          <w:b w:val="0"/>
          <w:noProof w:val="0"/>
        </w:rPr>
        <w:t>&lt;RepeatBlock-By&gt;&lt;Members&gt;</w:t>
      </w:r>
      <w:r w:rsidRPr="000F410B">
        <w:t>Michael Gahler</w:t>
      </w:r>
      <w:r w:rsidRPr="000F410B">
        <w:rPr>
          <w:rStyle w:val="HideTWBExt"/>
          <w:b w:val="0"/>
          <w:noProof w:val="0"/>
        </w:rPr>
        <w:t>&lt;/Members&gt;</w:t>
      </w:r>
    </w:p>
    <w:p w:rsidR="006959AA" w:rsidRPr="000F410B" w:rsidRDefault="007B6614" w:rsidP="006959AA">
      <w:r w:rsidRPr="000F410B">
        <w:rPr>
          <w:rStyle w:val="HideTWBExt"/>
          <w:noProof w:val="0"/>
        </w:rPr>
        <w:t>&lt;AuNomDe&gt;</w:t>
      </w:r>
      <w:r w:rsidRPr="000F410B">
        <w:rPr>
          <w:rStyle w:val="HideTWBInt"/>
        </w:rPr>
        <w:t>{PPE}</w:t>
      </w:r>
      <w:r w:rsidRPr="000F410B">
        <w:t>în numele Grupului PPE</w:t>
      </w:r>
      <w:r w:rsidRPr="000F410B">
        <w:rPr>
          <w:rStyle w:val="HideTWBExt"/>
          <w:noProof w:val="0"/>
        </w:rPr>
        <w:t>&lt;/AuNomDe&gt;</w:t>
      </w:r>
    </w:p>
    <w:p w:rsidR="006959AA" w:rsidRPr="000F410B" w:rsidRDefault="007B6614" w:rsidP="006959AA">
      <w:r w:rsidRPr="000F410B">
        <w:rPr>
          <w:rStyle w:val="HideTWBExt"/>
          <w:noProof w:val="0"/>
        </w:rPr>
        <w:t>&lt;/RepeatBlock-By&gt;</w:t>
      </w:r>
    </w:p>
    <w:p w:rsidR="006959AA" w:rsidRPr="000F410B" w:rsidRDefault="007B6614" w:rsidP="006959AA">
      <w:pPr>
        <w:pStyle w:val="AmDocTypeTab"/>
      </w:pPr>
      <w:r w:rsidRPr="000F410B">
        <w:rPr>
          <w:rStyle w:val="HideTWBExt"/>
          <w:b w:val="0"/>
          <w:noProof w:val="0"/>
        </w:rPr>
        <w:t>&lt;TitreType&gt;</w:t>
      </w:r>
      <w:r w:rsidRPr="000F410B">
        <w:t>Propunere de rezolu</w:t>
      </w:r>
      <w:r w:rsidR="000F410B" w:rsidRPr="000F410B">
        <w:t>ț</w:t>
      </w:r>
      <w:r w:rsidRPr="000F410B">
        <w:t>ie</w:t>
      </w:r>
      <w:r w:rsidRPr="000F410B">
        <w:rPr>
          <w:rStyle w:val="HideTWBExt"/>
          <w:b w:val="0"/>
          <w:noProof w:val="0"/>
        </w:rPr>
        <w:t>&lt;/TitreType&gt;</w:t>
      </w:r>
      <w:r w:rsidRPr="000F410B">
        <w:tab/>
        <w:t>B9</w:t>
      </w:r>
      <w:r w:rsidRPr="000F410B">
        <w:noBreakHyphen/>
        <w:t>0123/2022</w:t>
      </w:r>
    </w:p>
    <w:p w:rsidR="00E007E0" w:rsidRPr="000F410B" w:rsidRDefault="007B6614" w:rsidP="00E007E0">
      <w:pPr>
        <w:pStyle w:val="NormalBold"/>
      </w:pPr>
      <w:r w:rsidRPr="000F410B">
        <w:rPr>
          <w:rStyle w:val="HideTWBExt"/>
          <w:b w:val="0"/>
          <w:noProof w:val="0"/>
        </w:rPr>
        <w:t>&lt;Rapporteur&gt;</w:t>
      </w:r>
      <w:r w:rsidRPr="000F410B">
        <w:t>PPE, S&amp;D, Renew, Verts/ALE, ECR, The Left</w:t>
      </w:r>
      <w:r w:rsidRPr="000F410B">
        <w:rPr>
          <w:rStyle w:val="HideTWBExt"/>
          <w:b w:val="0"/>
          <w:noProof w:val="0"/>
        </w:rPr>
        <w:t>&lt;/Rapporteur&gt;</w:t>
      </w:r>
    </w:p>
    <w:p w:rsidR="006959AA" w:rsidRPr="000F410B" w:rsidRDefault="007B6614" w:rsidP="002F016D">
      <w:pPr>
        <w:pStyle w:val="Normal12a"/>
      </w:pPr>
      <w:r w:rsidRPr="000F410B">
        <w:rPr>
          <w:rStyle w:val="HideTWBExt"/>
          <w:noProof w:val="0"/>
        </w:rPr>
        <w:t>&lt;Titre&gt;</w:t>
      </w:r>
      <w:r w:rsidRPr="000F410B">
        <w:t>Agresiunea Rusiei împotriva Ucrainei</w:t>
      </w:r>
      <w:r w:rsidRPr="000F410B">
        <w:rPr>
          <w:rStyle w:val="HideTWBExt"/>
          <w:noProof w:val="0"/>
          <w:color w:val="auto"/>
        </w:rPr>
        <w:t>&lt;/Titre&gt;</w:t>
      </w:r>
    </w:p>
    <w:p w:rsidR="006959AA" w:rsidRPr="000F410B" w:rsidRDefault="007B6614" w:rsidP="006959AA">
      <w:pPr>
        <w:pStyle w:val="NormalBold"/>
      </w:pPr>
      <w:r w:rsidRPr="000F410B">
        <w:rPr>
          <w:rStyle w:val="HideTWBExt"/>
          <w:b w:val="0"/>
          <w:noProof w:val="0"/>
          <w:color w:val="auto"/>
        </w:rPr>
        <w:t>&lt;DocAmend&gt;</w:t>
      </w:r>
      <w:r w:rsidRPr="000F410B">
        <w:t>Propunere de rezolu</w:t>
      </w:r>
      <w:r w:rsidR="000F410B" w:rsidRPr="000F410B">
        <w:t>ț</w:t>
      </w:r>
      <w:r w:rsidRPr="000F410B">
        <w:t>ie</w:t>
      </w:r>
      <w:r w:rsidRPr="000F410B">
        <w:rPr>
          <w:rStyle w:val="HideTWBExt"/>
          <w:b w:val="0"/>
          <w:noProof w:val="0"/>
          <w:color w:val="auto"/>
        </w:rPr>
        <w:t>&lt;/DocAmend&gt;</w:t>
      </w:r>
    </w:p>
    <w:p w:rsidR="006959AA" w:rsidRPr="000F410B" w:rsidRDefault="007B6614" w:rsidP="006959AA">
      <w:pPr>
        <w:pStyle w:val="NormalBold"/>
      </w:pPr>
      <w:r w:rsidRPr="000F410B">
        <w:rPr>
          <w:rStyle w:val="HideTWBExt"/>
          <w:b w:val="0"/>
          <w:noProof w:val="0"/>
          <w:color w:val="auto"/>
        </w:rPr>
        <w:t>&lt;Article&gt;</w:t>
      </w:r>
      <w:r w:rsidRPr="000F410B">
        <w:t>Punctul 19</w:t>
      </w:r>
      <w:r w:rsidRPr="000F410B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764DE" w:rsidRPr="000F410B" w:rsidTr="006959AA">
        <w:trPr>
          <w:jc w:val="center"/>
        </w:trPr>
        <w:tc>
          <w:tcPr>
            <w:tcW w:w="9752" w:type="dxa"/>
            <w:gridSpan w:val="2"/>
          </w:tcPr>
          <w:p w:rsidR="006959AA" w:rsidRPr="000F410B" w:rsidRDefault="006959AA" w:rsidP="00753642">
            <w:pPr>
              <w:keepNext/>
            </w:pPr>
          </w:p>
        </w:tc>
      </w:tr>
      <w:tr w:rsidR="00C764DE" w:rsidRPr="000F410B" w:rsidTr="006959AA">
        <w:trPr>
          <w:jc w:val="center"/>
        </w:trPr>
        <w:tc>
          <w:tcPr>
            <w:tcW w:w="4876" w:type="dxa"/>
          </w:tcPr>
          <w:p w:rsidR="006959AA" w:rsidRPr="000F410B" w:rsidRDefault="007B6614" w:rsidP="00753642">
            <w:pPr>
              <w:pStyle w:val="AmColumnHeading"/>
              <w:keepNext/>
            </w:pPr>
            <w:r w:rsidRPr="000F410B">
              <w:t>Pr</w:t>
            </w:r>
            <w:r w:rsidRPr="000F410B">
              <w:t>opunerea de rezolu</w:t>
            </w:r>
            <w:r w:rsidR="000F410B" w:rsidRPr="000F410B">
              <w:t>ț</w:t>
            </w:r>
            <w:r w:rsidRPr="000F410B">
              <w:t>ie</w:t>
            </w:r>
          </w:p>
        </w:tc>
        <w:tc>
          <w:tcPr>
            <w:tcW w:w="4876" w:type="dxa"/>
          </w:tcPr>
          <w:p w:rsidR="006959AA" w:rsidRPr="000F410B" w:rsidRDefault="007B6614" w:rsidP="00753642">
            <w:pPr>
              <w:pStyle w:val="AmColumnHeading"/>
              <w:keepNext/>
            </w:pPr>
            <w:r w:rsidRPr="000F410B">
              <w:t>Amendamentul</w:t>
            </w:r>
          </w:p>
        </w:tc>
      </w:tr>
      <w:tr w:rsidR="00C764DE" w:rsidRPr="000F410B" w:rsidTr="006959AA">
        <w:trPr>
          <w:jc w:val="center"/>
        </w:trPr>
        <w:tc>
          <w:tcPr>
            <w:tcW w:w="4876" w:type="dxa"/>
          </w:tcPr>
          <w:p w:rsidR="006959AA" w:rsidRPr="000F410B" w:rsidRDefault="007B6614" w:rsidP="006959AA">
            <w:pPr>
              <w:pStyle w:val="Normal6a"/>
              <w:rPr>
                <w:b/>
                <w:i/>
              </w:rPr>
            </w:pPr>
            <w:r w:rsidRPr="000F410B">
              <w:t>19.</w:t>
            </w:r>
            <w:r w:rsidRPr="000F410B">
              <w:rPr>
                <w:b/>
                <w:i/>
              </w:rPr>
              <w:tab/>
            </w:r>
            <w:r w:rsidRPr="000F410B">
              <w:t>î</w:t>
            </w:r>
            <w:r w:rsidR="000F410B" w:rsidRPr="000F410B">
              <w:t>ș</w:t>
            </w:r>
            <w:r w:rsidRPr="000F410B">
              <w:t>i reiterează apelurile anterioare de a reduce în mod semnificativ dependen</w:t>
            </w:r>
            <w:r w:rsidR="000F410B" w:rsidRPr="000F410B">
              <w:t>ț</w:t>
            </w:r>
            <w:r w:rsidRPr="000F410B">
              <w:t xml:space="preserve">a energetică, în special de gazele, petrolul </w:t>
            </w:r>
            <w:r w:rsidR="000F410B" w:rsidRPr="000F410B">
              <w:t>ș</w:t>
            </w:r>
            <w:r w:rsidRPr="000F410B">
              <w:t>i cărbunele din Rusia, printre altele prin diversificarea surselor de energie, inclusiv prin extinderea terminalelor de gaz natural l</w:t>
            </w:r>
            <w:r w:rsidRPr="000F410B">
              <w:t xml:space="preserve">ichefiat </w:t>
            </w:r>
            <w:r w:rsidR="000F410B" w:rsidRPr="000F410B">
              <w:t>ș</w:t>
            </w:r>
            <w:r w:rsidRPr="000F410B">
              <w:t xml:space="preserve">i a căilor de aprovizionare, separarea stocării gazelor </w:t>
            </w:r>
            <w:r w:rsidR="000F410B" w:rsidRPr="000F410B">
              <w:t>ș</w:t>
            </w:r>
            <w:r w:rsidRPr="000F410B">
              <w:t>i cre</w:t>
            </w:r>
            <w:r w:rsidR="000F410B" w:rsidRPr="000F410B">
              <w:t>ș</w:t>
            </w:r>
            <w:r w:rsidRPr="000F410B">
              <w:t>terea eficien</w:t>
            </w:r>
            <w:r w:rsidR="000F410B" w:rsidRPr="000F410B">
              <w:t>ț</w:t>
            </w:r>
            <w:r w:rsidRPr="000F410B">
              <w:t xml:space="preserve">ei energetice </w:t>
            </w:r>
            <w:r w:rsidR="000F410B" w:rsidRPr="000F410B">
              <w:t>ș</w:t>
            </w:r>
            <w:r w:rsidRPr="000F410B">
              <w:t>i a ritmului tranzi</w:t>
            </w:r>
            <w:r w:rsidR="000F410B" w:rsidRPr="000F410B">
              <w:t>ț</w:t>
            </w:r>
            <w:r w:rsidRPr="000F410B">
              <w:t xml:space="preserve">iei către o energie ecologică; solicită abandonarea definitivă a gazoductului Nord Stream 2 </w:t>
            </w:r>
            <w:r w:rsidR="000F410B" w:rsidRPr="000F410B">
              <w:t>ș</w:t>
            </w:r>
            <w:r w:rsidRPr="000F410B">
              <w:t>i, prin urmare, salută decizia guvernului</w:t>
            </w:r>
            <w:r w:rsidRPr="000F410B">
              <w:t xml:space="preserve"> german de a stopa procesul de autorizare a Nord Stream 2; invită Comisia </w:t>
            </w:r>
            <w:r w:rsidR="000F410B" w:rsidRPr="000F410B">
              <w:t>ș</w:t>
            </w:r>
            <w:r w:rsidRPr="000F410B">
              <w:t xml:space="preserve">i statele membre să creeze un mecanism de coordonare </w:t>
            </w:r>
            <w:r w:rsidR="000F410B" w:rsidRPr="000F410B">
              <w:t>ș</w:t>
            </w:r>
            <w:r w:rsidRPr="000F410B">
              <w:t>i să utilizeze toate capacită</w:t>
            </w:r>
            <w:r w:rsidR="000F410B" w:rsidRPr="000F410B">
              <w:t>ț</w:t>
            </w:r>
            <w:r w:rsidRPr="000F410B">
              <w:t xml:space="preserve">ile posibile de stocare a gazelor pentru a asigura aprovizionarea neîntreruptă cu gaze </w:t>
            </w:r>
            <w:r w:rsidRPr="000F410B">
              <w:rPr>
                <w:b/>
                <w:i/>
              </w:rPr>
              <w:t>a</w:t>
            </w:r>
            <w:r w:rsidRPr="000F410B">
              <w:t xml:space="preserve"> UE; invi</w:t>
            </w:r>
            <w:r w:rsidRPr="000F410B">
              <w:t xml:space="preserve">tă statele membre, Comisia </w:t>
            </w:r>
            <w:r w:rsidR="000F410B" w:rsidRPr="000F410B">
              <w:t>ș</w:t>
            </w:r>
            <w:r w:rsidRPr="000F410B">
              <w:t>i Banca Centrală Europeană să monitorizeze cu aten</w:t>
            </w:r>
            <w:r w:rsidR="000F410B" w:rsidRPr="000F410B">
              <w:t>ț</w:t>
            </w:r>
            <w:r w:rsidRPr="000F410B">
              <w:t>ie impactul produs de atacul Rusiei asupra stabilită</w:t>
            </w:r>
            <w:r w:rsidR="000F410B" w:rsidRPr="000F410B">
              <w:t>ț</w:t>
            </w:r>
            <w:r w:rsidRPr="000F410B">
              <w:t xml:space="preserve">ii financiare </w:t>
            </w:r>
            <w:r w:rsidR="000F410B" w:rsidRPr="000F410B">
              <w:t>ș</w:t>
            </w:r>
            <w:r w:rsidRPr="000F410B">
              <w:t>i a stabilită</w:t>
            </w:r>
            <w:r w:rsidR="000F410B" w:rsidRPr="000F410B">
              <w:t>ț</w:t>
            </w:r>
            <w:r w:rsidRPr="000F410B">
              <w:t>ii pre</w:t>
            </w:r>
            <w:r w:rsidR="000F410B" w:rsidRPr="000F410B">
              <w:t>ț</w:t>
            </w:r>
            <w:r w:rsidRPr="000F410B">
              <w:t>urilor, în special în ceea ce prive</w:t>
            </w:r>
            <w:r w:rsidR="000F410B" w:rsidRPr="000F410B">
              <w:t>ș</w:t>
            </w:r>
            <w:r w:rsidRPr="000F410B">
              <w:t xml:space="preserve">te produsele energetice, </w:t>
            </w:r>
            <w:r w:rsidR="000F410B" w:rsidRPr="000F410B">
              <w:t>ș</w:t>
            </w:r>
            <w:r w:rsidRPr="000F410B">
              <w:t>i să aibă în vedere măsuri</w:t>
            </w:r>
            <w:r w:rsidRPr="000F410B">
              <w:t xml:space="preserve"> corespunzătoare pentru a atenua eventualele efecte economice </w:t>
            </w:r>
            <w:r w:rsidR="000F410B" w:rsidRPr="000F410B">
              <w:t>ș</w:t>
            </w:r>
            <w:r w:rsidRPr="000F410B">
              <w:t xml:space="preserve">i sociale negative; invită statele membre să înceteze orice colaborare cu Rusia în domeniul nuclear, în special cooperarea cu Rosatom </w:t>
            </w:r>
            <w:r w:rsidR="000F410B" w:rsidRPr="000F410B">
              <w:t>ș</w:t>
            </w:r>
            <w:r w:rsidRPr="000F410B">
              <w:t>i filialele sale, inclusiv cooperarea cu Rusia în cadrul A</w:t>
            </w:r>
            <w:r w:rsidRPr="000F410B">
              <w:t>gen</w:t>
            </w:r>
            <w:r w:rsidR="000F410B" w:rsidRPr="000F410B">
              <w:t>ț</w:t>
            </w:r>
            <w:r w:rsidRPr="000F410B">
              <w:t>iei Interna</w:t>
            </w:r>
            <w:r w:rsidR="000F410B" w:rsidRPr="000F410B">
              <w:t>ț</w:t>
            </w:r>
            <w:r w:rsidRPr="000F410B">
              <w:t xml:space="preserve">ionale pentru Energie Atomică, </w:t>
            </w:r>
            <w:r w:rsidR="000F410B" w:rsidRPr="000F410B">
              <w:t>ș</w:t>
            </w:r>
            <w:r w:rsidRPr="000F410B">
              <w:t>i anularea sau retragerea autoriza</w:t>
            </w:r>
            <w:r w:rsidR="000F410B" w:rsidRPr="000F410B">
              <w:t>ț</w:t>
            </w:r>
            <w:r w:rsidRPr="000F410B">
              <w:t>iilor de func</w:t>
            </w:r>
            <w:r w:rsidR="000F410B" w:rsidRPr="000F410B">
              <w:t>ț</w:t>
            </w:r>
            <w:r w:rsidRPr="000F410B">
              <w:t>ionare pentru toate filialele Rosatom;</w:t>
            </w:r>
          </w:p>
        </w:tc>
        <w:tc>
          <w:tcPr>
            <w:tcW w:w="4876" w:type="dxa"/>
          </w:tcPr>
          <w:p w:rsidR="006959AA" w:rsidRPr="000F410B" w:rsidRDefault="007B6614" w:rsidP="005D2062">
            <w:pPr>
              <w:pStyle w:val="Normal6a"/>
              <w:rPr>
                <w:b/>
                <w:i/>
                <w:szCs w:val="24"/>
              </w:rPr>
            </w:pPr>
            <w:r w:rsidRPr="000F410B">
              <w:t>19.</w:t>
            </w:r>
            <w:r w:rsidRPr="000F410B">
              <w:rPr>
                <w:b/>
                <w:i/>
              </w:rPr>
              <w:tab/>
            </w:r>
            <w:r w:rsidRPr="000F410B">
              <w:t>î</w:t>
            </w:r>
            <w:r w:rsidR="000F410B" w:rsidRPr="000F410B">
              <w:t>ș</w:t>
            </w:r>
            <w:r w:rsidRPr="000F410B">
              <w:t>i reiterează apelurile anterioare de a reduce în mod semnificativ dependen</w:t>
            </w:r>
            <w:r w:rsidR="000F410B" w:rsidRPr="000F410B">
              <w:t>ț</w:t>
            </w:r>
            <w:r w:rsidRPr="000F410B">
              <w:t xml:space="preserve">a energetică, în special de gazele, petrolul </w:t>
            </w:r>
            <w:r w:rsidR="000F410B" w:rsidRPr="000F410B">
              <w:t>ș</w:t>
            </w:r>
            <w:r w:rsidRPr="000F410B">
              <w:t>i cărbunele din Rusia, printre altele prin diversificarea surselor de energie, inclusiv prin extinderea terminalelor de gaz natural l</w:t>
            </w:r>
            <w:r w:rsidRPr="000F410B">
              <w:t xml:space="preserve">ichefiat </w:t>
            </w:r>
            <w:r w:rsidR="000F410B" w:rsidRPr="000F410B">
              <w:t>ș</w:t>
            </w:r>
            <w:r w:rsidRPr="000F410B">
              <w:t xml:space="preserve">i a căilor de aprovizionare, separarea stocării gazelor </w:t>
            </w:r>
            <w:r w:rsidR="000F410B" w:rsidRPr="000F410B">
              <w:t>ș</w:t>
            </w:r>
            <w:r w:rsidRPr="000F410B">
              <w:t>i cre</w:t>
            </w:r>
            <w:r w:rsidR="000F410B" w:rsidRPr="000F410B">
              <w:t>ș</w:t>
            </w:r>
            <w:r w:rsidRPr="000F410B">
              <w:t>terea eficien</w:t>
            </w:r>
            <w:r w:rsidR="000F410B" w:rsidRPr="000F410B">
              <w:t>ț</w:t>
            </w:r>
            <w:r w:rsidRPr="000F410B">
              <w:t xml:space="preserve">ei energetice </w:t>
            </w:r>
            <w:r w:rsidR="000F410B" w:rsidRPr="000F410B">
              <w:t>ș</w:t>
            </w:r>
            <w:r w:rsidRPr="000F410B">
              <w:t>i a ritmului tranzi</w:t>
            </w:r>
            <w:r w:rsidR="000F410B" w:rsidRPr="000F410B">
              <w:t>ț</w:t>
            </w:r>
            <w:r w:rsidRPr="000F410B">
              <w:t xml:space="preserve">iei către o energie ecologică; solicită abandonarea definitivă a gazoductului Nord Stream 2 </w:t>
            </w:r>
            <w:r w:rsidR="000F410B" w:rsidRPr="000F410B">
              <w:t>ș</w:t>
            </w:r>
            <w:r w:rsidRPr="000F410B">
              <w:t>i, prin urmare, salută decizia guvernului</w:t>
            </w:r>
            <w:r w:rsidRPr="000F410B">
              <w:t xml:space="preserve"> german de a stopa procesul de autorizare a Nord Stream 2; invită Comisia </w:t>
            </w:r>
            <w:r w:rsidR="000F410B" w:rsidRPr="000F410B">
              <w:t>ș</w:t>
            </w:r>
            <w:r w:rsidRPr="000F410B">
              <w:t xml:space="preserve">i statele membre să creeze un mecanism de coordonare </w:t>
            </w:r>
            <w:r w:rsidR="000F410B" w:rsidRPr="000F410B">
              <w:t>ș</w:t>
            </w:r>
            <w:r w:rsidRPr="000F410B">
              <w:t>i să utilizeze toate capacită</w:t>
            </w:r>
            <w:r w:rsidR="000F410B" w:rsidRPr="000F410B">
              <w:t>ț</w:t>
            </w:r>
            <w:r w:rsidRPr="000F410B">
              <w:t xml:space="preserve">ile posibile de stocare a gazelor pentru a asigura aprovizionarea neîntreruptă cu gaze </w:t>
            </w:r>
            <w:r w:rsidRPr="000F410B">
              <w:rPr>
                <w:b/>
                <w:i/>
              </w:rPr>
              <w:t xml:space="preserve">peste tot </w:t>
            </w:r>
            <w:r w:rsidRPr="000F410B">
              <w:rPr>
                <w:b/>
                <w:i/>
              </w:rPr>
              <w:t>în</w:t>
            </w:r>
            <w:r w:rsidRPr="000F410B">
              <w:t xml:space="preserve"> UE; invită statele membre, Comisia </w:t>
            </w:r>
            <w:r w:rsidR="000F410B" w:rsidRPr="000F410B">
              <w:t>ș</w:t>
            </w:r>
            <w:r w:rsidRPr="000F410B">
              <w:t>i Banca Centrală Europeană să monitorizeze cu aten</w:t>
            </w:r>
            <w:r w:rsidR="000F410B" w:rsidRPr="000F410B">
              <w:t>ț</w:t>
            </w:r>
            <w:r w:rsidRPr="000F410B">
              <w:t>ie impactul produs de atacul Rusiei asupra stabilită</w:t>
            </w:r>
            <w:r w:rsidR="000F410B" w:rsidRPr="000F410B">
              <w:t>ț</w:t>
            </w:r>
            <w:r w:rsidRPr="000F410B">
              <w:t xml:space="preserve">ii financiare </w:t>
            </w:r>
            <w:r w:rsidR="000F410B" w:rsidRPr="000F410B">
              <w:t>ș</w:t>
            </w:r>
            <w:r w:rsidRPr="000F410B">
              <w:t>i a stabilită</w:t>
            </w:r>
            <w:r w:rsidR="000F410B" w:rsidRPr="000F410B">
              <w:t>ț</w:t>
            </w:r>
            <w:r w:rsidRPr="000F410B">
              <w:t>ii pre</w:t>
            </w:r>
            <w:r w:rsidR="000F410B" w:rsidRPr="000F410B">
              <w:t>ț</w:t>
            </w:r>
            <w:r w:rsidRPr="000F410B">
              <w:t>urilor, în special în ceea ce prive</w:t>
            </w:r>
            <w:r w:rsidR="000F410B" w:rsidRPr="000F410B">
              <w:t>ș</w:t>
            </w:r>
            <w:r w:rsidRPr="000F410B">
              <w:t xml:space="preserve">te produsele energetice, </w:t>
            </w:r>
            <w:r w:rsidR="000F410B" w:rsidRPr="000F410B">
              <w:t>ș</w:t>
            </w:r>
            <w:r w:rsidRPr="000F410B">
              <w:t>i să aibă în ve</w:t>
            </w:r>
            <w:r w:rsidRPr="000F410B">
              <w:t xml:space="preserve">dere măsuri corespunzătoare pentru a atenua eventualele efecte economice </w:t>
            </w:r>
            <w:r w:rsidR="000F410B" w:rsidRPr="000F410B">
              <w:t>ș</w:t>
            </w:r>
            <w:r w:rsidRPr="000F410B">
              <w:t xml:space="preserve">i sociale negative; invită statele membre să înceteze orice colaborare cu Rusia în domeniul nuclear, în special cooperarea cu Rosatom </w:t>
            </w:r>
            <w:r w:rsidR="000F410B" w:rsidRPr="000F410B">
              <w:t>ș</w:t>
            </w:r>
            <w:r w:rsidRPr="000F410B">
              <w:t xml:space="preserve">i filialele sale, inclusiv cooperarea cu Rusia </w:t>
            </w:r>
            <w:r w:rsidRPr="000F410B">
              <w:t>în cadrul Agen</w:t>
            </w:r>
            <w:r w:rsidR="000F410B" w:rsidRPr="000F410B">
              <w:t>ț</w:t>
            </w:r>
            <w:r w:rsidRPr="000F410B">
              <w:t>iei Interna</w:t>
            </w:r>
            <w:r w:rsidR="000F410B" w:rsidRPr="000F410B">
              <w:t>ț</w:t>
            </w:r>
            <w:r w:rsidRPr="000F410B">
              <w:t xml:space="preserve">ionale pentru Energie Atomică, </w:t>
            </w:r>
            <w:r w:rsidR="000F410B" w:rsidRPr="000F410B">
              <w:t>ș</w:t>
            </w:r>
            <w:r w:rsidRPr="000F410B">
              <w:t>i anularea sau retragerea autoriza</w:t>
            </w:r>
            <w:r w:rsidR="000F410B" w:rsidRPr="000F410B">
              <w:t>ț</w:t>
            </w:r>
            <w:r w:rsidRPr="000F410B">
              <w:t>iilor de func</w:t>
            </w:r>
            <w:r w:rsidR="000F410B" w:rsidRPr="000F410B">
              <w:t>ț</w:t>
            </w:r>
            <w:r w:rsidRPr="000F410B">
              <w:t>ionare pentru toate filialele Rosatom;</w:t>
            </w:r>
          </w:p>
        </w:tc>
      </w:tr>
    </w:tbl>
    <w:p w:rsidR="006959AA" w:rsidRPr="000F410B" w:rsidRDefault="007B6614" w:rsidP="006959AA">
      <w:pPr>
        <w:pStyle w:val="AmOrLang"/>
      </w:pPr>
      <w:r w:rsidRPr="000F410B">
        <w:lastRenderedPageBreak/>
        <w:t xml:space="preserve">Or. </w:t>
      </w:r>
      <w:r w:rsidRPr="000F410B">
        <w:rPr>
          <w:rStyle w:val="HideTWBExt"/>
          <w:noProof w:val="0"/>
          <w:color w:val="auto"/>
        </w:rPr>
        <w:t>&lt;Original&gt;</w:t>
      </w:r>
      <w:r w:rsidR="00B860FC" w:rsidRPr="000F410B">
        <w:rPr>
          <w:rStyle w:val="HideTWBInt"/>
        </w:rPr>
        <w:t>{EN}</w:t>
      </w:r>
      <w:r w:rsidR="00B860FC" w:rsidRPr="000F410B">
        <w:t>en</w:t>
      </w:r>
      <w:r w:rsidRPr="000F410B">
        <w:rPr>
          <w:rStyle w:val="HideTWBExt"/>
          <w:noProof w:val="0"/>
          <w:color w:val="auto"/>
        </w:rPr>
        <w:t>&lt;/Original&gt;</w:t>
      </w:r>
    </w:p>
    <w:p w:rsidR="006959AA" w:rsidRPr="000F410B" w:rsidRDefault="007B6614" w:rsidP="006959AA">
      <w:r w:rsidRPr="000F410B">
        <w:rPr>
          <w:rStyle w:val="HideTWBExt"/>
          <w:noProof w:val="0"/>
          <w:color w:val="auto"/>
        </w:rPr>
        <w:t>&lt;/Amend&gt;</w:t>
      </w:r>
      <w:bookmarkEnd w:id="1"/>
    </w:p>
    <w:p w:rsidR="006959AA" w:rsidRPr="000F410B" w:rsidRDefault="007B6614" w:rsidP="006959AA">
      <w:r w:rsidRPr="000F410B">
        <w:rPr>
          <w:rStyle w:val="HideTWBExt"/>
          <w:noProof w:val="0"/>
          <w:color w:val="auto"/>
        </w:rPr>
        <w:t>&lt;/RepeatBlock-Amend&gt;</w:t>
      </w:r>
    </w:p>
    <w:sectPr w:rsidR="006959AA" w:rsidRPr="000F410B" w:rsidSect="00AF5BE6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807237" w:rsidRDefault="007B6614">
      <w:r w:rsidRPr="00807237">
        <w:separator/>
      </w:r>
    </w:p>
  </w:endnote>
  <w:endnote w:type="continuationSeparator" w:id="0">
    <w:p w:rsidR="00000000" w:rsidRPr="00807237" w:rsidRDefault="007B6614">
      <w:r w:rsidRPr="0080723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8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410B" w:rsidRDefault="000F410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07237" w:rsidRPr="00807237" w:rsidRDefault="00807237" w:rsidP="00807237">
    <w:pPr>
      <w:pStyle w:val="EPFooter"/>
    </w:pPr>
    <w:r w:rsidRPr="00807237">
      <w:rPr>
        <w:rStyle w:val="HideTWBExt"/>
        <w:noProof w:val="0"/>
      </w:rPr>
      <w:t>&lt;PathFdR&gt;</w:t>
    </w:r>
    <w:r w:rsidRPr="00807237">
      <w:t>AM\1250510RO.docx</w:t>
    </w:r>
    <w:r w:rsidRPr="00807237">
      <w:rPr>
        <w:rStyle w:val="HideTWBExt"/>
        <w:noProof w:val="0"/>
      </w:rPr>
      <w:t>&lt;/PathFdR&gt;</w:t>
    </w:r>
    <w:r w:rsidRPr="00807237">
      <w:tab/>
    </w:r>
    <w:r w:rsidRPr="00807237">
      <w:tab/>
      <w:t>PE</w:t>
    </w:r>
    <w:r w:rsidRPr="00807237">
      <w:rPr>
        <w:rStyle w:val="HideTWBExt"/>
        <w:noProof w:val="0"/>
      </w:rPr>
      <w:t>&lt;NoPE&gt;</w:t>
    </w:r>
    <w:r w:rsidRPr="00807237">
      <w:t>719.388</w:t>
    </w:r>
    <w:r w:rsidRPr="00807237">
      <w:rPr>
        <w:rStyle w:val="HideTWBExt"/>
        <w:noProof w:val="0"/>
      </w:rPr>
      <w:t>&lt;/NoPE&gt;&lt;Version&gt;</w:t>
    </w:r>
    <w:r w:rsidRPr="00807237">
      <w:t>v01-00</w:t>
    </w:r>
    <w:r w:rsidRPr="00807237">
      <w:rPr>
        <w:rStyle w:val="HideTWBExt"/>
        <w:noProof w:val="0"/>
      </w:rPr>
      <w:t>&lt;/Version&gt;</w:t>
    </w:r>
  </w:p>
  <w:p w:rsidR="00B860FC" w:rsidRPr="00807237" w:rsidRDefault="00807237" w:rsidP="00807237">
    <w:pPr>
      <w:pStyle w:val="EPFooter2"/>
    </w:pPr>
    <w:r w:rsidRPr="00807237">
      <w:t>RO</w:t>
    </w:r>
    <w:r w:rsidRPr="00807237">
      <w:tab/>
    </w:r>
    <w:r w:rsidRPr="00807237">
      <w:rPr>
        <w:b w:val="0"/>
        <w:i/>
        <w:color w:val="C0C0C0"/>
        <w:sz w:val="22"/>
      </w:rPr>
      <w:t>Unită în diversitate</w:t>
    </w:r>
    <w:r w:rsidRPr="00807237">
      <w:tab/>
      <w:t>RO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410B" w:rsidRDefault="000F410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807237" w:rsidRDefault="007B6614">
      <w:r w:rsidRPr="00807237">
        <w:separator/>
      </w:r>
    </w:p>
  </w:footnote>
  <w:footnote w:type="continuationSeparator" w:id="0">
    <w:p w:rsidR="00000000" w:rsidRPr="00807237" w:rsidRDefault="007B6614">
      <w:r w:rsidRPr="00807237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410B" w:rsidRDefault="000F410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410B" w:rsidRDefault="000F410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F410B" w:rsidRDefault="000F410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CVar" w:val="12"/>
    <w:docVar w:name="DOCDT" w:val="28/02/2022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8\fbidi \froman\fcharset238\fprq2 Times New Roman CE;}{\f309\fbidi \froman\fcharset204\fprq2 Times New Roman Cyr;}_x000d__x000a_{\f311\fbidi \froman\fcharset161\fprq2 Times New Roman Greek;}{\f312\fbidi \froman\fcharset162\fprq2 Times New Roman Tur;}{\f313\fbidi \froman\fcharset177\fprq2 Times New Roman (Hebrew);}{\f314\fbidi \froman\fcharset178\fprq2 Times New Roman (Arabic);}_x000d__x000a_{\f315\fbidi \froman\fcharset186\fprq2 Times New Roman Baltic;}{\f316\fbidi \froman\fcharset163\fprq2 Times New Roman (Vietnamese);}{\f318\fbidi \fswiss\fcharset238\fprq2 Arial CE;}{\f319\fbidi \fswiss\fcharset204\fprq2 Arial Cyr;}_x000d__x000a_{\f321\fbidi \fswiss\fcharset161\fprq2 Arial Greek;}{\f322\fbidi \fswiss\fcharset162\fprq2 Arial Tur;}{\f323\fbidi \fswiss\fcharset177\fprq2 Arial (Hebrew);}{\f324\fbidi \fswiss\fcharset178\fprq2 Arial (Arabic);}_x000d__x000a_{\f325\fbidi \fswiss\fcharset186\fprq2 Arial Baltic;}{\f326\fbidi \fswiss\fcharset163\fprq2 Arial (Vietnamese);}{\f648\fbidi \froman\fcharset238\fprq2 Cambria Math CE;}{\f649\fbidi \froman\fcharset204\fprq2 Cambria Math Cyr;}_x000d__x000a_{\f651\fbidi \froman\fcharset161\fprq2 Cambria Math Greek;}{\f652\fbidi \froman\fcharset162\fprq2 Cambria Math Tur;}{\f655\fbidi \froman\fcharset186\fprq2 Cambria Math Baltic;}{\f65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009218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8009218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8009218 EPFooter;}}{\*\rsidtbl \rsid24658\rsid223860\rsid735077\rsid1718133\rsid2892074\rsid3565327\rsid4666813\rsid6641733\rsid7823322\rsid7876788\rsid8009218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MART\'cdNEZ BENITO Sara}{\operator MART\'cdNEZ BENITO Sara}{\creatim\yr2022\mo2\dy28\hr17\min59}{\revtim\yr2022\mo2\dy28\hr17\min59}{\version1}{\edmins0}{\nofpages2}{\nofwords0}{\nofchars1}{\nofcharsws1}{\vern105}}{\*\xmlnstbl {\xmlns1 http://sch_x000d__x000a_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00921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MART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8767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8767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8767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876788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8009218\charrsid6059103 \hich\af1\dbch\af31501\loch\f1 &lt;PathFdR&gt;}{\rtlch\fcs1 \af0 \ltrch\fcs0 \insrsid8009218\charrsid12083452 AM\\1250510EN.docx}{\rtlch\fcs1 \af0 \ltrch\fcs0 _x000d__x000a_\cs17\v\fs20\cf9\loch\af1\hich\af1\dbch\af31501\insrsid8009218\charrsid6059103 \hich\af1\dbch\af31501\loch\f1 &lt;/PathFdR&gt;}{\rtlch\fcs1 \af0 \ltrch\fcs0 \insrsid8009218\charrsid6059103 \tab \tab PE}{\rtlch\fcs1 \af0 \ltrch\fcs0 _x000d__x000a_\cs17\v\fs20\cf9\loch\af1\hich\af1\dbch\af31501\insrsid8009218\charrsid6059103 \hich\af1\dbch\af31501\loch\f1 &lt;NoPE&gt;}{\rtlch\fcs1 \af0 \ltrch\fcs0 \insrsid8009218\charrsid12083452 719.388}{\rtlch\fcs1 \af0 \ltrch\fcs0 _x000d__x000a_\cs17\v\fs20\cf9\loch\af1\hich\af1\dbch\af31501\insrsid8009218\charrsid6059103 \hich\af1\dbch\af31501\loch\f1 &lt;/NoPE&gt;&lt;Version&gt;}{\rtlch\fcs1 \af0 \ltrch\fcs0 \insrsid8009218\charrsid6059103 v}{\rtlch\fcs1 \af0 \ltrch\fcs0 \insrsid8009218\charrsid12083452 0_x000d__x000a_1-00}{\rtlch\fcs1 \af0 \ltrch\fcs0 \cs17\v\fs20\cf9\loch\af1\hich\af1\dbch\af31501\insrsid8009218\charrsid6059103 \hich\af1\dbch\af31501\loch\f1 &lt;/Version&gt;}{\rtlch\fcs1 \af0 \ltrch\fcs0 \insrsid8009218\charrsid6059103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8009218\charrsid6059103  DOCPROPERTY &quot;&lt;Extension&gt;&quot; }}{\fldrslt {\rtlch\fcs1 \af1 \ltrch\fcs0 \insrsid8009218 EN}}}\sectd \ltrsect_x000d__x000a_\linex0\endnhere\sectdefaultcl\sftnbj {\rtlch\fcs1 \af1 \ltrch\fcs0 \insrsid8009218\charrsid6059103 \tab }{\rtlch\fcs1 \af1\afs22 \ltrch\fcs0 \b0\i\fs22\cf16\insrsid8009218 United in diversity}{\rtlch\fcs1 \af1 \ltrch\fcs0 \insrsid8009218\charrsid6059103 _x000d__x000a_\tab }{\field{\*\fldinst {\rtlch\fcs1 \af1 \ltrch\fcs0 \insrsid8009218\charrsid6059103  DOCPROPERTY &quot;&lt;Extension&gt;&quot; }}{\fldrslt {\rtlch\fcs1 \af1 \ltrch\fcs0 \insrsid8009218 EN}}}\sectd \ltrsect\linex0\endnhere\sectdefaultcl\sftnbj {\rtlch\fcs1 \af1 _x000d__x000a_\ltrch\fcs0 \insrsid8009218\charrsid60591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009218 _x000d__x000a_\rtlch\fcs1 \af0\afs20\alang1025 \ltrch\fcs0 \fs24\lang2057\langfe2057\cgrid\langnp2057\langfenp2057 {\rtlch\fcs1 \af0 \ltrch\fcs0 \insrsid8009218\charrsid6059103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d_x000d__x000a_6c82c42c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2"/>
    <w:docVar w:name="InsideLoop" w:val="1"/>
    <w:docVar w:name="LastEditedSection" w:val=" 1"/>
    <w:docVar w:name="ONBEHALFKEY1" w:val="PP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4\fbidi \froman\fcharset238\fprq2 Times New Roman CE;}{\f305\fbidi \froman\fcharset204\fprq2 Times New Roman Cyr;}_x000d__x000a_{\f307\fbidi \froman\fcharset161\fprq2 Times New Roman Greek;}{\f308\fbidi \froman\fcharset162\fprq2 Times New Roman Tur;}{\f309\fbidi \froman\fcharset177\fprq2 Times New Roman (Hebrew);}{\f310\fbidi \froman\fcharset178\fprq2 Times New Roman (Arabic);}_x000d__x000a_{\f311\fbidi \froman\fcharset186\fprq2 Times New Roman Baltic;}{\f312\fbidi \froman\fcharset163\fprq2 Times New Roman (Vietnamese);}{\f314\fbidi \fswiss\fcharset238\fprq2 Arial CE;}{\f315\fbidi \fswiss\fcharset204\fprq2 Arial Cyr;}_x000d__x000a_{\f317\fbidi \fswiss\fcharset161\fprq2 Arial Greek;}{\f318\fbidi \fswiss\fcharset162\fprq2 Arial Tur;}{\f319\fbidi \fswiss\fcharset177\fprq2 Arial (Hebrew);}{\f320\fbidi \fswiss\fcharset178\fprq2 Arial (Arabic);}_x000d__x000a_{\f321\fbidi \fswiss\fcharset186\fprq2 Arial Baltic;}{\f322\fbidi \fswiss\fcharset163\fprq2 Arial (Vietnamese);}{\f644\fbidi \froman\fcharset238\fprq2 Cambria Math CE;}{\f645\fbidi \froman\fcharset204\fprq2 Cambria Math Cyr;}_x000d__x000a_{\f647\fbidi \froman\fcharset161\fprq2 Cambria Math Greek;}{\f648\fbidi \froman\fcharset162\fprq2 Cambria Math Tur;}{\f651\fbidi \froman\fcharset186\fprq2 Cambria Math Baltic;}{\f65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444300 HideTWBExt;}{\s18\ql \li0\ri0\nowidctlpar_x000d__x000a_\tqr\tx9071\wrapdefault\aspalpha\aspnum\faauto\adjustright\rin0\lin0\itap0 \rtlch\fcs1 \af0\afs20\alang1025 \ltrch\fcs0 \b\fs24\lang2057\langfe2057\cgrid\langnp2057\langfenp2057 \sbasedon0 \snext18 \spriority0 \styrsid13444300 AmDocTypeTab;}{_x000d__x000a_\s19\ql \li0\ri0\sa240\nowidctlpar\wrapdefault\aspalpha\aspnum\faauto\adjustright\rin0\lin0\itap0 \rtlch\fcs1 \af0\afs20\alang1025 \ltrch\fcs0 \fs24\lang2057\langfe2057\cgrid\langnp2057\langfenp2057 \sbasedon0 \snext19 \spriority0 \styrsid13444300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3444300 EPFooter2;}{\*\cs21 \additive \v\f1\fs20\cf15 \spriority0 \styrsid13444300 HideTWBInt;}{\s22\ql \li0\ri0\nowidctlpar\wrapdefault\aspalpha\aspnum\faauto\adjustright\rin0\lin0\itap0 \rtlch\fcs1 _x000d__x000a_\af0\afs20\alang1025 \ltrch\fcs0 \b\fs24\lang2057\langfe2057\cgrid\langnp2057\langfenp2057 \sbasedon0 \snext22 \spriority0 \styrsid13444300 NormalBold;}{_x000d__x000a_\s23\qr \li0\ri0\sb240\sa240\nowidctlpar\wrapdefault\aspalpha\aspnum\faauto\adjustright\rin0\lin0\itap0 \rtlch\fcs1 \af0\afs20\alang1025 \ltrch\fcs0 \fs24\lang2057\langfe2057\cgrid\langnp2057\langfenp2057 \sbasedon0 \snext23 \spriority0 \styrsid13444300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3444300 Normal6a;}{\s25\ql \li0\ri0\nowidctlpar\tqr\tx9071\wrapdefault\aspalpha\aspnum\faauto\adjustright\rin0\lin0\itap0 \rtlch\fcs1 \af0\afs20\alang1025 \ltrch\fcs0 _x000d__x000a_\fs24\lang2057\langfe2057\cgrid\langnp2057\langfenp2057 \sbasedon0 \snext25 \spriority0 \styrsid13444300 AmDateTab;}{\s26\qc \li0\ri0\sa240\nowidctlpar\wrapdefault\aspalpha\aspnum\faauto\adjustright\rin0\lin0\itap0 \rtlch\fcs1 \af0\afs20\alang1025 _x000d__x000a_\ltrch\fcs0 \i\fs24\lang2057\langfe2057\cgrid\langnp2057\langfenp2057 \sbasedon0 \snext26 \spriority0 \styrsid13444300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3444300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3444300 EPFooter;}}_x000d__x000a_{\*\rsidtbl \rsid24658\rsid223860\rsid735077\rsid1718133\rsid2892074\rsid3565327\rsid4666813\rsid6641733\rsid7823322\rsid9636012\rsid10377208\rsid11215221\rsid11549030\rsid12154954\rsid13178177\rsid13444300\rsid14382809\rsid14424199\rsid15204470_x000d__x000a_\rsid15285974\rsid15950462\rsid16324206\rsid16662270}{\mmathPr\mmathFont34\mbrkBin0\mbrkBinSub0\msmallFrac0\mdispDef1\mlMargin0\mrMargin0\mdefJc1\mwrapIndent1440\mintLim0\mnaryLim1}{\info{\author MART\'cdNEZ BENITO Sara}{\operator MART\'cdNEZ BENITO Sara}_x000d__x000a_{\creatim\yr2022\mo2\dy28\hr17\min52}{\revtim\yr2022\mo2\dy28\hr17\min52}{\version1}{\edmins0}{\nofpages2}{\nofwords220}{\nofchars1259}{\nofcharsws1477}{\vern10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44430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MART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17817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1781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1781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178177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3444300\charrsid6059103 \hich\af1\dbch\af31501\loch\f1 &lt;PathFdR&gt;}{\rtlch\fcs1 \af0 \ltrch\fcs0 \cf10\insrsid13444300\charrsid6059103 \uc1\u9668\'3f}{\rtlch\fcs1 \af0 \ltrch\fcs0 _x000d__x000a_\insrsid13444300\charrsid6059103 #}{\rtlch\fcs1 \af1 \ltrch\fcs0 \cs21\v\f1\fs20\cf15\insrsid13444300\charrsid6059103 TXTROUTE@@}{\rtlch\fcs1 \af0 \ltrch\fcs0 \insrsid13444300\charrsid6059103 #}{\rtlch\fcs1 \af0 \ltrch\fcs0 _x000d__x000a_\cf10\insrsid13444300\charrsid6059103 \uc1\u9658\'3f}{\rtlch\fcs1 \af0 \ltrch\fcs0 \cs17\v\fs20\cf9\loch\af1\hich\af1\dbch\af31501\insrsid13444300\charrsid6059103 \hich\af1\dbch\af31501\loch\f1 &lt;/PathFdR&gt;}{\rtlch\fcs1 \af0 \ltrch\fcs0 _x000d__x000a_\insrsid13444300\charrsid6059103 \tab \tab PE}{\rtlch\fcs1 \af0 \ltrch\fcs0 \cs17\v\fs20\cf9\loch\af1\hich\af1\dbch\af31501\insrsid13444300\charrsid6059103 \hich\af1\dbch\af31501\loch\f1 &lt;NoPE&gt;}{\rtlch\fcs1 \af0 \ltrch\fcs0 _x000d__x000a_\cf10\insrsid13444300\charrsid6059103 \uc1\u9668\'3f}{\rtlch\fcs1 \af0 \ltrch\fcs0 \insrsid13444300\charrsid6059103 #}{\rtlch\fcs1 \af1 \ltrch\fcs0 \cs21\v\f1\fs20\cf15\insrsid13444300\charrsid6059103 TXTNRPE@NRPE@}{\rtlch\fcs1 \af0 \ltrch\fcs0 _x000d__x000a_\insrsid13444300\charrsid6059103 #}{\rtlch\fcs1 \af0 \ltrch\fcs0 \cf10\insrsid13444300\charrsid6059103 \uc1\u9658\'3f}{\rtlch\fcs1 \af0 \ltrch\fcs0 \cs17\v\fs20\cf9\loch\af1\hich\af1\dbch\af31501\insrsid13444300\charrsid6059103 _x000d__x000a_\hich\af1\dbch\af31501\loch\f1 &lt;/NoPE&gt;&lt;Version&gt;}{\rtlch\fcs1 \af0 \ltrch\fcs0 \insrsid13444300\charrsid6059103 v}{\rtlch\fcs1 \af0 \ltrch\fcs0 \cf10\insrsid13444300\charrsid6059103 \uc1\u9668\'3f}{\rtlch\fcs1 \af0 \ltrch\fcs0 _x000d__x000a_\insrsid13444300\charrsid6059103 #}{\rtlch\fcs1 \af1 \ltrch\fcs0 \cs21\v\f1\fs20\cf15\insrsid13444300\charrsid6059103 TXTVERSION@NRV@}{\rtlch\fcs1 \af0 \ltrch\fcs0 \insrsid13444300\charrsid6059103 #}{\rtlch\fcs1 \af0 \ltrch\fcs0 _x000d__x000a_\cf10\insrsid13444300\charrsid6059103 \uc1\u9658\'3f}{\rtlch\fcs1 \af0 \ltrch\fcs0 \cs17\v\fs20\cf9\loch\af1\hich\af1\dbch\af31501\insrsid13444300\charrsid6059103 \hich\af1\dbch\af31501\loch\f1 &lt;/Version&gt;}{\rtlch\fcs1 \af0 \ltrch\fcs0 _x000d__x000a_\insrsid13444300\charrsid6059103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3444300\charrsid6059103  DOCPROPERTY &quot;&lt;Extension&gt;&quot; }}{\fldrslt {\rtlch\fcs1 \af1 \ltrch\fcs0 \insrsid13444300\charrsid6059103 _x000d__x000a_XX}}}\sectd \ltrsect\linex0\endnhere\sectdefaultcl\sftnbj {\rtlch\fcs1 \af1 \ltrch\fcs0 \insrsid13444300\charrsid6059103 \tab }{\rtlch\fcs1 \af1\afs22 \ltrch\fcs0 \b0\i\fs22\cf16\insrsid13444300\charrsid6059103 #}{\rtlch\fcs1 \af1 \ltrch\fcs0 _x000d__x000a_\cs21\v\fs20\cf15\insrsid13444300\charrsid6059103 (STD@_Motto}{\rtlch\fcs1 \af1\afs22 \ltrch\fcs0 \b0\i\fs22\cf16\insrsid13444300\charrsid6059103 #}{\rtlch\fcs1 \af1 \ltrch\fcs0 \insrsid13444300\charrsid6059103 \tab }{\field\flddirty{\*\fldinst {_x000d__x000a_\rtlch\fcs1 \af1 \ltrch\fcs0 \insrsid13444300\charrsid6059103  DOCPROPERTY &quot;&lt;Extension&gt;&quot; }}{\fldrslt {\rtlch\fcs1 \af1 \ltrch\fcs0 \insrsid13444300\charrsid6059103 XX}}}\sectd \ltrsect\linex0\endnhere\sectdefaultcl\sftnbj {\rtlch\fcs1 \af1 \ltrch\fcs0 _x000d__x000a_\insrsid13444300\charrsid60591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3444300 \rtlch\fcs1 \af0\afs20\alang1025 \ltrch\fcs0 \fs24\lang2057\langfe2057\cgrid\langnp2057\langfenp2057 {\rtlch\fcs1 \af0 \ltrch\fcs0 _x000d__x000a_\cs17\v\fs20\cf9\loch\af1\hich\af1\dbch\af31501\insrsid13444300\charrsid6059103 {\*\bkmkstart restart}\hich\af1\dbch\af31501\loch\f1 &lt;Amend&gt;&lt;Date&gt;}{\rtlch\fcs1 \af0 \ltrch\fcs0 \insrsid13444300\charrsid6059103 #}{\rtlch\fcs1 \af1 \ltrch\fcs0 _x000d__x000a_\cs21\v\f1\fs20\cf15\insrsid13444300\charrsid6059103 DT(d.m.yyyy)sh@DATEMSG@DOCDT}{\rtlch\fcs1 \af0 \ltrch\fcs0 \insrsid13444300\charrsid6059103 #}{\rtlch\fcs1 \af0 \ltrch\fcs0 _x000d__x000a_\cs17\v\fs20\cf9\loch\af1\hich\af1\dbch\af31501\insrsid13444300\charrsid6059103 \hich\af1\dbch\af31501\loch\f1 &lt;/Date&gt;}{\rtlch\fcs1 \af0 \ltrch\fcs0 \insrsid13444300\charrsid6059103 \tab }{\rtlch\fcs1 \af0 \ltrch\fcs0 _x000d__x000a_\cs17\v\fs20\cf9\loch\af1\hich\af1\dbch\af31501\insrsid13444300\charrsid6059103 \hich\af1\dbch\af31501\loch\f1 &lt;ANo&gt;}{\rtlch\fcs1 \af0 \ltrch\fcs0 \insrsid13444300\charrsid6059103 #}{\rtlch\fcs1 \af1 \ltrch\fcs0 _x000d__x000a_\cs21\v\f1\fs20\cf15\insrsid13444300\charrsid6059103 (STD@_BNumber}{\rtlch\fcs1 \af0 \ltrch\fcs0 \insrsid13444300\charrsid6059103 ##}{\rtlch\fcs1 \af1 \ltrch\fcs0 \cs21\v\f1\fs20\cf15\insrsid13444300\charrsid6059103 $$0030}{\rtlch\fcs1 \af0 \ltrch\fcs0 _x000d__x000a_\insrsid13444300\charrsid6059103 #}{\rtlch\fcs1 \af0 \ltrch\fcs0 \cf10\insrsid13444300\charrsid6059103 \u9668\'3f}{\rtlch\fcs1 \af0 \ltrch\fcs0 \insrsid13444300\charrsid6059103 #}{\rtlch\fcs1 \af1 \ltrch\fcs0 _x000d__x000a_\cs21\v\f1\fs20\cf15\insrsid13444300\charrsid6059103 TXTNRB@NRB@}{\rtlch\fcs1 \af0 \ltrch\fcs0 \insrsid13444300\charrsid6059103 #}{\rtlch\fcs1 \af0 \ltrch\fcs0 \cf10\insrsid13444300\charrsid6059103 \u9658\'3f}{\rtlch\fcs1 \af0 \ltrch\fcs0 _x000d__x000a_\cs17\v\fs20\cf9\loch\af1\hich\af1\dbch\af31501\insrsid13444300\charrsid6059103 \hich\af1\dbch\af31501\loch\f1 &lt;/ANo&gt;}{\rtlch\fcs1 \af0 \ltrch\fcs0 \insrsid13444300\charrsid6059103 /}{\rtlch\fcs1 \af0 \ltrch\fcs0 _x000d__x000a_\cs17\v\fs20\cf9\loch\af1\hich\af1\dbch\af31501\insrsid13444300\charrsid6059103 \hich\af1\dbch\af31501\loch\f1 &lt;NumAm&gt;}{\rtlch\fcs1 \af0 \ltrch\fcs0 \insrsid13444300\charrsid6059103 #}{\rtlch\fcs1 \af1 \ltrch\fcs0 _x000d__x000a_\cs21\v\f1\fs20\cf15\insrsid13444300\charrsid6059103 ENMIENDA@NRAM@}{\rtlch\fcs1 \af0 \ltrch\fcs0 \insrsid13444300\charrsid6059103 #}{\rtlch\fcs1 \af0 \ltrch\fcs0 \cs17\v\fs20\cf9\loch\af1\hich\af1\dbch\af31501\insrsid13444300\charrsid6059103 _x000d__x000a_\hich\af1\dbch\af31501\loch\f1 &lt;/NumAm&gt;}{\rtlch\fcs1 \af0 \ltrch\fcs0 \insrsid13444300\charrsid6059103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3444300 \rtlch\fcs1 _x000d__x000a_\af0\afs20\alang1025 \ltrch\fcs0 \b\fs24\lang2057\langfe2057\cgrid\langnp2057\langfenp2057 {\rtlch\fcs1 \af0 \ltrch\fcs0 \insrsid13444300\charrsid6059103 Amendment\tab \tab }{\rtlch\fcs1 \af0 \ltrch\fcs0 _x000d__x000a_\cs17\b0\v\fs20\cf9\loch\af1\hich\af1\dbch\af31501\insrsid13444300\charrsid6059103 \hich\af1\dbch\af31501\loch\f1 &lt;NumAm&gt;}{\rtlch\fcs1 \af0 \ltrch\fcs0 \insrsid13444300\charrsid6059103 #}{\rtlch\fcs1 \af1 \ltrch\fcs0 _x000d__x000a_\cs21\v\f1\fs20\cf15\insrsid13444300\charrsid6059103 ENMIENDA@NRAM@}{\rtlch\fcs1 \af0 \ltrch\fcs0 \insrsid13444300\charrsid6059103 #}{\rtlch\fcs1 \af0 \ltrch\fcs0 \cs17\b0\v\fs20\cf9\loch\af1\hich\af1\dbch\af31501\insrsid13444300\charrsid6059103 _x000d__x000a_\hich\af1\dbch\af31501\loch\f1 &lt;/NumAm&gt;}{\rtlch\fcs1 \af0 \ltrch\fcs0 \insrsid13444300\charrsid6059103 _x000d__x000a_\par }\pard\plain \ltrpar\s22\ql \li0\ri0\nowidctlpar\wrapdefault\aspalpha\aspnum\faauto\adjustright\rin0\lin0\itap0\pararsid13444300 \rtlch\fcs1 \af0\afs20\alang1025 \ltrch\fcs0 \b\fs24\lang2057\langfe2057\cgrid\langnp2057\langfenp2057 {\rtlch\fcs1 \af0 _x000d__x000a_\ltrch\fcs0 \cs17\b0\v\fs20\cf9\loch\af1\hich\af1\dbch\af31501\insrsid13444300\charrsid6059103 \hich\af1\dbch\af31501\loch\f1 &lt;RepeatBlock-By&gt;}{\rtlch\fcs1 \af0 \ltrch\fcs0 \insrsid13444300\charrsid6059103 #}{\rtlch\fcs1 \af1 \ltrch\fcs0 _x000d__x000a_\cs21\v\f1\fs20\cf15\insrsid13444300\charrsid6059103 (MOD@InsideLoop()}{\rtlch\fcs1 \af0 \ltrch\fcs0 \insrsid13444300\charrsid6059103 ##}{\rtlch\fcs1 \af1 \ltrch\fcs0 \cs21\v\f1\fs20\cf15\insrsid13444300\charrsid6059103 &gt;&gt;&gt;@[ZMEMBERSMSG]@}{\rtlch\fcs1 _x000d__x000a_\af0 \ltrch\fcs0 \insrsid13444300\charrsid6059103 #}{\rtlch\fcs1 \af0 \ltrch\fcs0 \cs17\b0\v\fs20\cf9\loch\af1\hich\af1\dbch\af31501\insrsid13444300\charrsid6059103 \hich\af1\dbch\af31501\loch\f1 &lt;Members&gt;}{\rtlch\fcs1 \af0 \ltrch\fcs0 _x000d__x000a_\insrsid13444300\charrsid6059103 #}{\rtlch\fcs1 \af1 \ltrch\fcs0 \cs21\v\f1\fs20\cf15\insrsid13444300\charrsid6059103 (MOD@InsideLoop(\'a7)}{\rtlch\fcs1 \af0 \ltrch\fcs0 \insrsid13444300\charrsid6059103 #}{\rtlch\fcs1 \af0 \ltrch\fcs0 _x000d__x000a_\cf10\insrsid13444300\charrsid6059103 \u9668\'3f}{\rtlch\fcs1 \af0 \ltrch\fcs0 \insrsid13444300\charrsid6059103 #}{\rtlch\fcs1 \af1 \ltrch\fcs0 \cs21\v\f1\fs20\cf15\insrsid13444300\charrsid6059103 TVTMEMBERS\'a7@MEMBERS@}{\rtlch\fcs1 \af0 \ltrch\fcs0 _x000d__x000a_\insrsid13444300\charrsid6059103 #}{\rtlch\fcs1 \af0 \ltrch\fcs0 \cf10\insrsid13444300\charrsid6059103 \u9658\'3f}{\rtlch\fcs1 \af0 \ltrch\fcs0 \cs17\b0\v\fs20\cf9\loch\af1\hich\af1\dbch\af31501\insrsid13444300\charrsid6059103 _x000d__x000a_\hich\af1\dbch\af31501\loch\f1 &lt;/Members&gt;}{\rtlch\fcs1 \af0 \ltrch\fcs0 \insrsid13444300\charrsid6059103 _x000d__x000a_\par }\pard\plain \ltrpar\ql \li0\ri0\widctlpar\wrapdefault\aspalpha\aspnum\faauto\adjustright\rin0\lin0\itap0\pararsid13444300 \rtlch\fcs1 \af0\afs20\alang1025 \ltrch\fcs0 \fs24\lang2057\langfe2057\cgrid\langnp2057\langfenp2057 {\rtlch\fcs1 \af0 \ltrch\fcs0 _x000d__x000a_\cs17\v\fs20\cf9\loch\af1\hich\af1\dbch\af31501\insrsid13444300\charrsid6059103 \hich\af1\dbch\af31501\loch\f1 &lt;AuNomDe&gt;&lt;OptDel&gt;}{\rtlch\fcs1 \af0 \ltrch\fcs0 \insrsid13444300\charrsid6059103 #}{\rtlch\fcs1 \af1 \ltrch\fcs0 _x000d__x000a_\cs21\v\f1\fs20\cf15\insrsid13444300\charrsid6059103 MNU[ONBEHALFYES][NOTAPP]@CHOICE@}{\rtlch\fcs1 \af0 \ltrch\fcs0 \insrsid13444300\charrsid6059103 #}{\rtlch\fcs1 \af0 \ltrch\fcs0 _x000d__x000a_\cs17\v\fs20\cf9\loch\af1\hich\af1\dbch\af31501\insrsid13444300\charrsid6059103 \hich\af1\dbch\af31501\loch\f1 &lt;/OptDel&gt;&lt;/AuNomDe&gt;}{\rtlch\fcs1 \af0 \ltrch\fcs0 \insrsid13444300\charrsid6059103 _x000d__x000a_\par &lt;&lt;&lt;}{\rtlch\fcs1 \af0 \ltrch\fcs0 \cs17\v\fs20\cf9\loch\af1\hich\af1\dbch\af31501\insrsid13444300\charrsid6059103 \hich\af1\dbch\af31501\loch\f1 &lt;/RepeatBlock-By&gt;}{\rtlch\fcs1 \af0 \ltrch\fcs0 \insrsid13444300\charrsid6059103 _x000d__x000a_\par }\pard\plain \ltrpar\s18\ql \li0\ri0\nowidctlpar\tqr\tx9071\wrapdefault\aspalpha\aspnum\faauto\adjustright\rin0\lin0\itap0\pararsid13444300 \rtlch\fcs1 \af0\afs20\alang1025 \ltrch\fcs0 \b\fs24\lang2057\langfe2057\cgrid\langnp2057\langfenp2057 {_x000d__x000a_\rtlch\fcs1 \af0 \ltrch\fcs0 \cs17\b0\v\fs20\cf9\loch\af1\hich\af1\dbch\af31501\insrsid13444300\charrsid6059103 \hich\af1\dbch\af31501\loch\f1 &lt;TitreType&gt;}{\rtlch\fcs1 \af0 \ltrch\fcs0 \insrsid13444300\charrsid6059103 #}{\rtlch\fcs1 \af1 \ltrch\fcs0 _x000d__x000a_\cs21\v\f1\fs20\cf15\insrsid13444300\charrsid6059103 MNU[AMENDDOCTYPE1][AMENDDOCTYPE2][AMENDDOCTYPE3]@CHOICE@AMENDDOCTYPEMNU}{\rtlch\fcs1 \af0 \ltrch\fcs0 \insrsid13444300\charrsid6059103 #}{\rtlch\fcs1 \af0 \ltrch\fcs0 _x000d__x000a_\cs17\b0\v\fs20\cf9\loch\af1\hich\af1\dbch\af31501\insrsid13444300\charrsid6059103 \hich\af1\dbch\af31501\loch\f1 &lt;/TitreType&gt;}{\rtlch\fcs1 \af0 \ltrch\fcs0 \insrsid13444300\charrsid6059103 \tab #}{\rtlch\fcs1 \af1 \ltrch\fcs0 _x000d__x000a_\cs21\v\f1\fs20\cf15\insrsid13444300\charrsid6059103 (STD@_BNumber}{\rtlch\fcs1 \af0 \ltrch\fcs0 \insrsid13444300\charrsid6059103 ##}{\rtlch\fcs1 \af1 \ltrch\fcs0 \cs21\v\f1\fs20\cf15\insrsid13444300\charrsid6059103 $$0030}{\rtlch\fcs1 \af0 \ltrch\fcs0 _x000d__x000a_\insrsid13444300\charrsid6059103 #}{\rtlch\fcs1 \af0 \ltrch\fcs0 \cf10\insrsid13444300\charrsid6059103 \u9668\'3f}{\rtlch\fcs1 \af0 \ltrch\fcs0 \insrsid13444300\charrsid6059103 #}{\rtlch\fcs1 \af1 \ltrch\fcs0 _x000d__x000a_\cs21\v\f1\fs20\cf15\insrsid13444300\charrsid6059103 TXTNRB@NRB@}{\rtlch\fcs1 \af0 \ltrch\fcs0 \insrsid13444300\charrsid6059103 #}{\rtlch\fcs1 \af0 \ltrch\fcs0 \cf10\insrsid13444300\charrsid6059103 \u9658\'3f}{\rtlch\fcs1 \af0 \ltrch\fcs0 _x000d__x000a_\insrsid13444300\charrsid6059103 /}{\rtlch\fcs1 \af0 \ltrch\fcs0 \cf10\insrsid13444300\charrsid6059103 \u9668\'3f}{\rtlch\fcs1 \af0 \ltrch\fcs0 \insrsid13444300\charrsid6059103 #}{\rtlch\fcs1 \af1 \ltrch\fcs0 _x000d__x000a_\cs21\v\f1\fs20\cf15\insrsid13444300\charrsid6059103 TXTDOCYEAR@DOCYEARMSG@}{\rtlch\fcs1 \af0 \ltrch\fcs0 \insrsid13444300\charrsid6059103 #}{\rtlch\fcs1 \af0 \ltrch\fcs0 \cf10\insrsid13444300\charrsid6059103 \u9658\'3f}{\rtlch\fcs1 \af0 \ltrch\fcs0 _x000d__x000a_\insrsid13444300\charrsid6059103 _x000d__x000a_\par }\pard\plain \ltrpar\s22\ql \li0\ri0\nowidctlpar\wrapdefault\aspalpha\aspnum\faauto\adjustright\rin0\lin0\itap0\pararsid13444300 \rtlch\fcs1 \af0\afs20\alang1025 \ltrch\fcs0 \b\fs24\lang2057\langfe2057\cgrid\langnp2057\langfenp2057 {\rtlch\fcs1 \af0 _x000d__x000a_\ltrch\fcs0 \cs17\b0\v\fs20\cf9\loch\af1\hich\af1\dbch\af31501\insrsid13444300\charrsid6059103 \hich\af1\dbch\af31501\loch\f1 &lt;Rapporteur&gt;}{\rtlch\fcs1 \ab\af0 \ltrch\fcs0 \cs17\b0\v\fs20\cf9\loch\af1\hich\af1\dbch\af31501\insrsid13444300\charrsid6059103 _x000d__x000a_\hich\af1\dbch\af31501\loch\f1 &lt;OptDel&gt;}{\rtlch\fcs1 \af0 \ltrch\fcs0 \insrsid13444300\charrsid6059103 #}{\rtlch\fcs1 \af1 \ltrch\fcs0 \cs21\v\f1\fs20\cf15\insrsid13444300\charrsid6059103 _x000d__x000a_MNU[XTABLERS1][XTABLERS2][XTABLERS3][XTABLERS4]@TABLERSMSG@TABLERSMNU}{\rtlch\fcs1 \af0 \ltrch\fcs0 \insrsid13444300\charrsid6059103 ##}{\rtlch\fcs1 \af1 \ltrch\fcs0 \cs21\v\f1\fs20\cf15\insrsid13444300\charrsid6059103 _x000d__x000a_IF(TABLERSMNU = '1')THEN(TABLERS1MNU = '1')ELSE(TABLERS1MNU = '2')}{\rtlch\fcs1 \af0 \ltrch\fcs0 \insrsid13444300\charrsid6059103 ##}{\rtlch\fcs1 \af1 \ltrch\fcs0 \cs21\v\f1\fs20\cf15\insrsid13444300\charrsid6059103 _x000d__x000a_MNU[TABLERS1YES][NOTAPP]@CHOICE@TABLERS1MNU}{\rtlch\fcs1 \af0 \ltrch\fcs0 \insrsid13444300\charrsid6059103 #}{\rtlch\fcs1 \ab\af0 \ltrch\fcs0 \cs17\b0\v\fs20\cf9\loch\af1\hich\af1\dbch\af31501\insrsid13444300\charrsid6059103 _x000d__x000a_\hich\af1\dbch\af31501\loch\f1 &lt;/OptDel&gt;}{\rtlch\fcs1 \af0 \ltrch\fcs0 \cs17\b0\v\fs20\cf9\loch\af1\hich\af1\dbch\af31501\insrsid13444300\charrsid6059103 \hich\af1\dbch\af31501\loch\f1 &lt;/Rapporteur&gt;}{\rtlch\fcs1 \af0 \ltrch\fcs0 _x000d__x000a_\insrsid13444300\charrsid6059103 _x000d__x000a_\par }{\rtlch\fcs1 \af0 \ltrch\fcs0 \cs17\b0\v\fs20\cf9\loch\af1\hich\af1\dbch\af31501\insrsid13444300\charrsid6059103 \hich\af1\dbch\af31501\loch\f1 &lt;Rapporteur&gt;}{\rtlch\fcs1 \ab\af0 \ltrch\fcs0 _x000d__x000a_\cs17\b0\v\fs20\cf9\loch\af1\hich\af1\dbch\af31501\insrsid13444300\charrsid6059103 \hich\af1\dbch\af31501\loch\f1 &lt;OptDel&gt;}{\rtlch\fcs1 \af0 \ltrch\fcs0 \insrsid13444300\charrsid6059103 #}{\rtlch\fcs1 \af1 \ltrch\fcs0 _x000d__x000a_\cs21\v\f1\fs20\cf15\insrsid13444300\charrsid6059103 IF((TABLERSMNU = '2') OR (TABLERSMNU = '4'))THEN(TABLERS2MNU = '1')ELSE(TABLERS2MNU = '2')}{\rtlch\fcs1 \af0 \ltrch\fcs0 \insrsid13444300\charrsid6059103 ##}{\rtlch\fcs1 \af1 \ltrch\fcs0 _x000d__x000a_\cs21\v\f1\fs20\cf15\insrsid13444300\charrsid6059103 MNU[TABLERS2YES][NOTAPP]@CHOICE@TABLERS2MNU}{\rtlch\fcs1 \af0 \ltrch\fcs0 \insrsid13444300\charrsid6059103 #}{\rtlch\fcs1 \ab\af0 \ltrch\fcs0 _x000d__x000a_\cs17\b0\v\fs20\cf9\loch\af1\hich\af1\dbch\af31501\insrsid13444300\charrsid6059103 \hich\af1\dbch\af31501\loch\f1 &lt;/OptDel&gt;}{\rtlch\fcs1 \af0 \ltrch\fcs0 \cs17\b0\v\fs20\cf9\loch\af1\hich\af1\dbch\af31501\insrsid13444300\charrsid6059103 _x000d__x000a_\hich\af1\dbch\af31501\loch\f1 &lt;/Rapporteur&gt;}{\rtlch\fcs1 \af0 \ltrch\fcs0 \insrsid13444300\charrsid6059103 _x000d__x000a_\par }{\rtlch\fcs1 \af0 \ltrch\fcs0 \cs17\b0\v\fs20\cf9\loch\af1\hich\af1\dbch\af31501\insrsid13444300\charrsid6059103 \hich\af1\dbch\af31501\loch\f1 &lt;Rapporteur&gt;}{\rtlch\fcs1 \ab\af0 \ltrch\fcs0 _x000d__x000a_\cs17\b0\v\fs20\cf9\loch\af1\hich\af1\dbch\af31501\insrsid13444300\charrsid6059103 \hich\af1\dbch\af31501\loch\f1 &lt;OptDel&gt;}{\rtlch\fcs1 \af0 \ltrch\fcs0 \insrsid13444300\charrsid6059103 #}{\rtlch\fcs1 \af1 \ltrch\fcs0 _x000d__x000a_\cs21\v\f1\fs20\cf15\insrsid13444300\charrsid6059103 IF((TABLERSMNU = '3') OR (TABLERSMNU = '4'))THEN(TABLERS3MNU = '1')ELSE(TABLERS3MNU = '2')}{\rtlch\fcs1 \af0 \ltrch\fcs0 \insrsid13444300\charrsid6059103 ##}{\rtlch\fcs1 \af1 \ltrch\fcs0 _x000d__x000a_\cs21\v\f1\fs20\cf15\insrsid13444300\charrsid6059103 MNU[TABLERS3YES][NOTAPP]@CHOICE@TABLERS3MNU}{\rtlch\fcs1 \af0 \ltrch\fcs0 \insrsid13444300\charrsid6059103 #}{\rtlch\fcs1 \ab\af0 \ltrch\fcs0 _x000d__x000a_\cs17\b0\v\fs20\cf9\loch\af1\hich\af1\dbch\af31501\insrsid13444300\charrsid6059103 \hich\af1\dbch\af31501\loch\f1 &lt;/OptDel&gt;}{\rtlch\fcs1 \af0 \ltrch\fcs0 \cs17\b0\v\fs20\cf9\loch\af1\hich\af1\dbch\af31501\insrsid13444300\charrsid6059103 _x000d__x000a_\hich\af1\dbch\af31501\loch\f1 &lt;/Rapporteur&gt;}{\rtlch\fcs1 \af0 \ltrch\fcs0 \insrsid13444300\charrsid6059103 _x000d__x000a_\par }\pard\plain \ltrpar\s19\ql \li0\ri0\sa240\nowidctlpar\wrapdefault\aspalpha\aspnum\faauto\adjustright\rin0\lin0\itap0\pararsid13444300 \rtlch\fcs1 \af0\afs20\alang1025 \ltrch\fcs0 \fs24\lang2057\langfe2057\cgrid\langnp2057\langfenp2057 {\rtlch\fcs1 \af0 _x000d__x000a_\ltrch\fcs0 \cs17\v\fs20\cf9\loch\af1\hich\af1\dbch\af31501\insrsid13444300\charrsid6059103 \hich\af1\dbch\af31501\loch\f1 &lt;Titre&gt;}{\rtlch\fcs1 \af0 \ltrch\fcs0 \cf10\insrsid13444300\charrsid6059103 \u9668\'3f}{\rtlch\fcs1 \af0 \ltrch\fcs0 _x000d__x000a_\insrsid13444300\charrsid6059103 #}{\rtlch\fcs1 \af1 \ltrch\fcs0 \cs21\v\f1\fs20\cf15\insrsid13444300\charrsid6059103 TXTTITLE@TITLE@}{\rtlch\fcs1 \af0 \ltrch\fcs0 \insrsid13444300\charrsid6059103 #}{\rtlch\fcs1 \af0 \ltrch\fcs0 _x000d__x000a_\cf10\insrsid13444300\charrsid6059103 \u9658\'3f}{\rtlch\fcs1 \af0 \ltrch\fcs0 \cs17\v\fs20\cf9\loch\af1\hich\af1\dbch\af31501\insrsid13444300\charrsid6059103 \hich\af1\dbch\af31501\loch\f1 &lt;/Titre&gt;}{\rtlch\fcs1 \af0 \ltrch\fcs0 _x000d__x000a_\insrsid13444300\charrsid6059103 _x000d__x000a_\par }\pard\plain \ltrpar\s22\ql \li0\ri0\nowidctlpar\wrapdefault\aspalpha\aspnum\faauto\adjustright\rin0\lin0\itap0\pararsid13444300 \rtlch\fcs1 \af0\afs20\alang1025 \ltrch\fcs0 \b\fs24\lang2057\langfe2057\cgrid\langnp2057\langfenp2057 {\rtlch\fcs1 \af0 _x000d__x000a_\ltrch\fcs0 \cs17\b0\v\fs20\cf9\loch\af1\hich\af1\dbch\af31501\insrsid13444300\charrsid6059103 \hich\af1\dbch\af31501\loch\f1 &lt;DocAmend&gt;}{\rtlch\fcs1 \af0 \ltrch\fcs0 \insrsid13444300\charrsid6059103 #}{\rtlch\fcs1 \af1 \ltrch\fcs0 _x000d__x000a_\cs21\v\f1\fs20\cf15\insrsid13444300\charrsid6059103 MNU[AMENDDOCTYPE1][AMENDDOCTYPE2][AMENDDOCTYPE3]@CHOICE@AMENDDOCTYPEMNU}{\rtlch\fcs1 \af0 \ltrch\fcs0 \insrsid13444300\charrsid6059103 #}{\rtlch\fcs1 \af0 \ltrch\fcs0 _x000d__x000a_\cs17\b0\v\fs20\cf9\loch\af1\hich\af1\dbch\af31501\insrsid13444300\charrsid6059103 \hich\af1\dbch\af31501\loch\f1 &lt;/DocAmend&gt;}{\rtlch\fcs1 \af0 \ltrch\fcs0 \insrsid13444300\charrsid6059103 _x000d__x000a_\par }{\rtlch\fcs1 \af0 \ltrch\fcs0 \cs17\b0\v\fs20\cf9\loch\af1\hich\af1\dbch\af31501\insrsid13444300\charrsid6059103 \hich\af1\dbch\af31501\loch\f1 &lt;Article&gt;}{\rtlch\fcs1 \af0 \ltrch\fcs0 \cf10\insrsid13444300\charrsid6059103 \u9668\'3f}{\rtlch\fcs1 \af0 _x000d__x000a_\ltrch\fcs0 \insrsid13444300\charrsid6059103 #}{\rtlch\fcs1 \af1 \ltrch\fcs0 \cs21\v\f1\fs20\cf15\insrsid13444300\charrsid6059103 TVTAMPART@AMPART@}{\rtlch\fcs1 \af0 \ltrch\fcs0 \insrsid13444300\charrsid6059103 #}{\rtlch\fcs1 \af0 \ltrch\fcs0 _x000d__x000a_\cf10\insrsid13444300\charrsid6059103 \u9658\'3f}{\rtlch\fcs1 \af0 \ltrch\fcs0 \cs17\b0\v\fs20\cf9\loch\af1\hich\af1\dbch\af31501\insrsid13444300\charrsid6059103 \hich\af1\dbch\af31501\loch\f1 &lt;/Article&gt;}{\rtlch\fcs1 \af0 \ltrch\fcs0 _x000d__x000a_\insrsid13444300\charrsid6059103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13444300\charrsid6059103 \cell }\pard\plain \ltrpar\ql \li0\ri0\widctlpar\intbl\wrapdefault\aspalpha\aspnum\faauto\adjustright\rin0\lin0 \rtlch\fcs1 _x000d__x000a_\af0\afs20\alang1025 \ltrch\fcs0 \fs24\lang2057\langfe2057\cgrid\langnp2057\langfenp2057 {\rtlch\fcs1 \af0 \ltrch\fcs0 \insrsid13444300\charrsid6059103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13444300\charrsid6059103 #}{\rtlch\fcs1 \af1 \ltrch\fcs0 \cs21\v\f1\fs20\cf15\insrsid13444300\charrsid6059103 MNU[AMENDDOCTYPE1][AMENDDOCTYPE2][AMENDDOCTYPE3]@CHOICE@AMENDDOCTYPEMNU}{\rtlch\fcs1 \af0 \ltrch\fcs0 \insrsid13444300\charrsid6059103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13444300\charrsid6059103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13444300\charrsid6059103 ##\cell ##}{\rtlch\fcs1 \af0\afs24 \ltrch\fcs0 \insrsid13444300\charrsid6059103 \cell }\pard\plain \ltrpar_x000d__x000a_\ql \li0\ri0\widctlpar\intbl\wrapdefault\aspalpha\aspnum\faauto\adjustright\rin0\lin0 \rtlch\fcs1 \af0\afs20\alang1025 \ltrch\fcs0 \fs24\lang2057\langfe2057\cgrid\langnp2057\langfenp2057 {\rtlch\fcs1 \af0 \ltrch\fcs0 \insrsid13444300\charrsid6059103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444300 \rtlch\fcs1 \af0\afs20\alang1025 \ltrch\fcs0 \fs24\lang2057\langfe2057\cgrid\langnp2057\langfenp2057 {\rtlch\fcs1 \af0 \ltrch\fcs0 _x000d__x000a_\insrsid13444300\charrsid6059103 Or. }{\rtlch\fcs1 \af0 \ltrch\fcs0 \cs17\v\fs20\cf9\loch\af1\hich\af1\dbch\af31501\insrsid13444300\charrsid6059103 \hich\af1\dbch\af31501\loch\f1 &lt;Original&gt;}{\rtlch\fcs1 \af0 \ltrch\fcs0 \insrsid13444300\charrsid6059103 #}_x000d__x000a_{\rtlch\fcs1 \af1 \ltrch\fcs0 \cs21\v\f1\fs20\cf15\insrsid13444300\charrsid6059103 KEY(MAIN/LANGMIN)sh@ORLANGMSG@ORLANGKEY}{\rtlch\fcs1 \af0 \ltrch\fcs0 \insrsid13444300\charrsid6059103 #}{\rtlch\fcs1 \af0 \ltrch\fcs0 _x000d__x000a_\cs17\v\fs20\cf9\loch\af1\hich\af1\dbch\af31501\insrsid13444300\charrsid6059103 \hich\af1\dbch\af31501\loch\f1 &lt;/Original&gt;}{\rtlch\fcs1 \af0 \ltrch\fcs0 \insrsid13444300\charrsid6059103 _x000d__x000a_\par }\pard\plain \ltrpar\ql \li0\ri0\widctlpar\wrapdefault\aspalpha\aspnum\faauto\adjustright\rin0\lin0\itap0\pararsid13444300 \rtlch\fcs1 \af0\afs20\alang1025 \ltrch\fcs0 \fs24\lang2057\langfe2057\cgrid\langnp2057\langfenp2057 {\rtlch\fcs1 \af0 \ltrch\fcs0 _x000d__x000a_\insrsid13444300\charrsid6059103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3444300 \rtlch\fcs1 \af0\afs20\alang1025 \ltrch\fcs0 \fs24\lang2057\langfe2057\cgrid\langnp2057\langfenp2057 {\rtlch\fcs1 \af0 \ltrch\fcs0 _x000d__x000a_\cs17\v\fs20\cf9\loch\af1\hich\af1\dbch\af31501\insrsid13444300\charrsid6059103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"/>
    <w:docVar w:name="RepeatBlock-AmendEN1" w:val="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e_x000d__x000a_098ec32cd8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221279 HideTWBExt;}{\s18\ql \li0\ri0\nowidctlpar_x000d__x000a_\tqr\tx9071\wrapdefault\aspalpha\aspnum\faauto\adjustright\rin0\lin0\itap0 \rtlch\fcs1 \af0\afs20\alang1025 \ltrch\fcs0 \b\fs24\lang2057\langfe2057\cgrid\langnp2057\langfenp2057 \sbasedon0 \snext18 \spriority0 \styrsid4221279 AmDocTypeTab;}{_x000d__x000a_\s19\ql \li0\ri0\sa240\nowidctlpar\wrapdefault\aspalpha\aspnum\faauto\adjustright\rin0\lin0\itap0 \rtlch\fcs1 \af0\afs20\alang1025 \ltrch\fcs0 \fs24\lang2057\langfe2057\cgrid\langnp2057\langfenp2057 \sbasedon0 \snext19 \spriority0 \styrsid422127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4221279 EPFooter2;}{\s21\ql \li0\ri0\nowidctlpar\wrapdefault\aspalpha\aspnum\faauto\adjustright\rin0\lin0\itap0 \rtlch\fcs1 \af0\afs20\alang1025 \ltrch\fcs0 \b\fs24\lang2057\langfe2057\cgrid\langnp2057\langfenp2057 _x000d__x000a_\sbasedon0 \snext21 \spriority0 \styrsid4221279 NormalBold;}{\s22\qr \li0\ri0\sb240\sa240\nowidctlpar\wrapdefault\aspalpha\aspnum\faauto\adjustright\rin0\lin0\itap0 \rtlch\fcs1 \af0\afs20\alang1025 \ltrch\fcs0 _x000d__x000a_\fs24\lang2057\langfe2057\cgrid\langnp2057\langfenp2057 \sbasedon0 \snext22 \spriority0 \styrsid4221279 AmOrLang;}{\s23\ql \li0\ri0\sa120\nowidctlpar\wrapdefault\aspalpha\aspnum\faauto\adjustright\rin0\lin0\itap0 \rtlch\fcs1 \af0\afs20\alang1025 _x000d__x000a_\ltrch\fcs0 \fs24\lang2057\langfe2057\cgrid\langnp2057\langfenp2057 \sbasedon0 \snext23 \spriority0 \styrsid4221279 Normal6a;}{\s24\ql \li0\ri0\nowidctlpar\tqr\tx9071\wrapdefault\aspalpha\aspnum\faauto\adjustright\rin0\lin0\itap0 \rtlch\fcs1 _x000d__x000a_\af0\afs20\alang1025 \ltrch\fcs0 \fs24\lang2057\langfe2057\cgrid\langnp2057\langfenp2057 \sbasedon0 \snext24 \spriority0 \styrsid4221279 AmDateTab;}{\s25\qc \li0\ri0\sa240\nowidctlpar\wrapdefault\aspalpha\aspnum\faauto\adjustright\rin0\lin0\itap0 _x000d__x000a_\rtlch\fcs1 \af0\afs20\alang1025 \ltrch\fcs0 \i\fs24\lang2057\langfe2057\cgrid\langnp2057\langfenp2057 \sbasedon0 \snext25 \spriority0 \styrsid4221279 Am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4221279 AmNumberTabs;}{\s27\ql \li0\ri0\sb240\sa240\nowidctlpar_x000d__x000a_\tqc\tx4535\tqr\tx9071\wrapdefault\aspalpha\aspnum\faauto\adjustright\rin0\lin0\itap0 \rtlch\fcs1 \af0\afs20\alang1025 \ltrch\fcs0 \fs22\lang2057\langfe2057\cgrid\langnp2057\langfenp2057 \sbasedon0 \snext27 \spriority0 \styrsid4221279 EPFooter;}}_x000d__x000a_{\*\rsidtbl \rsid24658\rsid223860\rsid735077\rsid1718133\rsid2892074\rsid3565327\rsid4221279\rsid4666813\rsid6641733\rsid7823322\rsid9636012\rsid10377208\rsid11215221\rsid11549030\rsid11751784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2}{\revtim\yr2020\mo11\dy13\hr17\min12}{\version1}{\edmins0}{\nofpages2}{\nofwords92}{\nofchars528}{\nofcharsws619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22127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17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\ltrpar \sectd \ltrsect\psz9\linex0\headery1134\footery567\sectlinegrid326\sectdefaultcl\sectrsid3953286\sftnbj\saftnnar\sftnrestart {\footerr \ltrpar \pard\plain \ltrpar\s27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24\langfe1024\loch\af1\hich\af1\dbch\af31501\noproof\insrsid4221279 \hich\af1\dbch\af31501\loch\f1 &lt;PathFdR&gt;}{\rtlch\fcs1 \af0 \ltrch\fcs0 \insrsid4221279 [ZPATH]}{\rtlch\fcs1 \af0 \ltrch\fcs0 _x000d__x000a_\cs17\v\fs20\cf9\lang1024\langfe1024\loch\af1\hich\af1\dbch\af31501\noproof\insrsid4221279 \hich\af1\dbch\af31501\loch\f1 &lt;/PathFdR&gt;}{\rtlch\fcs1 \af0 \ltrch\fcs0 \insrsid4221279 \tab \tab PE}{\rtlch\fcs1 \af0 \ltrch\fcs0 _x000d__x000a_\cs17\v\fs20\cf9\lang1024\langfe1024\loch\af1\hich\af1\dbch\af31501\noproof\insrsid4221279 \hich\af1\dbch\af31501\loch\f1 &lt;NoPE&gt;}{\rtlch\fcs1 \af0 \ltrch\fcs0 \insrsid4221279 [ZNRPE]}{\rtlch\fcs1 \af0 \ltrch\fcs0 _x000d__x000a_\cs17\v\fs20\cf9\lang1024\langfe1024\loch\af1\hich\af1\dbch\af31501\noproof\insrsid4221279 \hich\af1\dbch\af31501\loch\f1 &lt;/NoPE&gt;&lt;Version&gt;}{\rtlch\fcs1 \af0 \ltrch\fcs0 \insrsid4221279 [ZNRV]}{\rtlch\fcs1 \af0 \ltrch\fcs0 _x000d__x000a_\cs17\v\fs20\cf9\lang1024\langfe1024\loch\af1\hich\af1\dbch\af31501\noproof\insrsid4221279 \hich\af1\dbch\af31501\loch\f1 &lt;/Version&gt;}{\rtlch\fcs1 \af0 \ltrch\fcs0 \insrsid4221279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4221279  DOCPROPERTY &quot;&lt;Extension&gt;&quot; }}{\fldrslt {\rtlch\fcs1 \af1 \ltrch\fcs0 \insrsid4221279 XX}}}\sectd \ltrsect_x000d__x000a_\linex0\endnhere\sectdefaultcl\sftnbj {\rtlch\fcs1 \af1 \ltrch\fcs0 \insrsid4221279\charrsid143325 \tab }{\rtlch\fcs1 \af1\afs22 \ltrch\fcs0 \b0\i\fs22\cf16\insrsid4221279\charrsid10767834 #(STD@_Motto#}{\rtlch\fcs1 \af1 \ltrch\fcs0 _x000d__x000a_\insrsid4221279\charrsid143325 \tab }{\field{\*\fldinst {\rtlch\fcs1 \af1 \ltrch\fcs0 \insrsid4221279  DOCPROPERTY &quot;&lt;Extension&gt;&quot; }}{\fldrslt {\rtlch\fcs1 \af1 \ltrch\fcs0 \insrsid4221279 XX}}}\sectd \ltrsect\linex0\endnhere\sectdefaultcl\sftnbj {_x000d__x000a_\rtlch\fcs1 \af1 \ltrch\fcs0 \insrsid422127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4\ql \li0\ri0\nowidctlpar_x000d__x000a_\tqr\tx9071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{\*\bkmkstart restart}\hich\af1\dbch\af31501\loch\f1 &lt;Amend&gt;&lt;Date&gt;}{\rtlch\fcs1 \af0 \ltrch\fcs0 _x000d__x000a_\lang1024\langfe1024\noproof\insrsid4221279\charrsid12978052 [ZDATE]}{\rtlch\fcs1 \af0 \ltrch\fcs0 \cs17\v\fs20\cf9\lang1024\langfe1024\loch\af1\hich\af1\dbch\af31501\noproof\insrsid4221279\charrsid12978052 \hich\af1\dbch\af31501\loch\f1 &lt;/Date&gt;}{_x000d__x000a_\rtlch\fcs1 \af0 \ltrch\fcs0 \lang1024\langfe1024\noproof\insrsid4221279\charrsid12978052 \tab }{\rtlch\fcs1 \af0 \ltrch\fcs0 \cs17\v\fs20\cf9\lang1024\langfe1024\loch\af1\hich\af1\dbch\af31501\noproof\insrsid4221279\charrsid12978052 _x000d__x000a_\hich\af1\dbch\af31501\loch\f1 &lt;ANo&gt;}{\rtlch\fcs1 \af0 \ltrch\fcs0 \lang1024\langfe1024\noproof\insrsid4221279\charrsid12978052 [ZNRB]}{\rtlch\fcs1 \af0 \ltrch\fcs0 _x000d__x000a_\cs17\v\fs20\cf9\lang1024\langfe1024\loch\af1\hich\af1\dbch\af31501\noproof\insrsid4221279\charrsid12978052 \hich\af1\dbch\af31501\loch\f1 &lt;/ANo&gt;}{\rtlch\fcs1 \af0 \ltrch\fcs0 \lang1024\langfe1024\noproof\insrsid4221279\charrsid12978052 /}{\rtlch\fcs1 _x000d__x000a_\af0 \ltrch\fcs0 \cs17\v\fs20\cf9\lang1024\langfe1024\loch\af1\hich\af1\dbch\af31501\noproof\insrsid4221279\charrsid12978052 \hich\af1\dbch\af31501\loch\f1 &lt;NumAm&gt;}{\rtlch\fcs1 \af0 \ltrch\fcs0 \lang1024\langfe1024\noproof\insrsid4221279\charrsid12978052 _x000d__x000a_[ZNRAM]}{\rtlch\fcs1 \af0 \ltrch\fcs0 \cs17\v\fs20\cf9\lang1024\langfe1024\loch\af1\hich\af1\dbch\af31501\noproof\insrsid4221279\charrsid12978052 \hich\af1\dbch\af31501\loch\f1 &lt;/NumAm&gt;}{\rtlch\fcs1 \af0 \ltrch\fcs0 _x000d__x000a_\lang1024\langfe1024\noproof\insrsid4221279\charrsid12978052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4221279 \rtlch\fcs1 _x000d__x000a_\af0\afs20\alang1025 \ltrch\fcs0 \b\fs24\lang2057\langfe2057\cgrid\langnp2057\langfenp2057 {\rtlch\fcs1 \af0 \ltrch\fcs0 \insrsid4221279\charrsid12978052 [ZDOCTYPE]\tab \tab }{\rtlch\fcs1 \af0 \ltrch\fcs0 _x000d__x000a_\cs17\b0\v\fs20\cf9\lang1024\langfe1024\loch\af1\hich\af1\dbch\af31501\noproof\insrsid4221279\charrsid12978052 \hich\af1\dbch\af31501\loch\f1 &lt;NumAm&gt;}{\rtlch\fcs1 \af0 \ltrch\fcs0 \insrsid4221279\charrsid12978052 [ZNRAM]}{\rtlch\fcs1 \af0 \ltrch\fcs0 _x000d__x000a_\cs17\b0\v\fs20\cf9\lang1024\langfe1024\loch\af1\hich\af1\dbch\af31501\noproof\insrsid4221279\charrsid12978052 \hich\af1\dbch\af31501\loch\f1 &lt;/NumAm&gt;}{\rtlch\fcs1 \af0 \ltrch\fcs0 \insrsid4221279\charrsid12978052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insrsid4221279\charrsid12978052 \hich\af1\dbch\af31501\loch\f1 &lt;RepeatBlock-By&gt;}{\rtlch\fcs1 \af0 \ltrch\fcs0 _x000d__x000a_\lang1024\langfe1024\noproof\insrsid4221279\charrsid12978052 [RepeatMembers]}{\rtlch\fcs1 \af0 \ltrch\fcs0 \cs17\b0\v\fs20\cf9\lang1024\langfe1024\loch\af1\hich\af1\dbch\af31501\noproof\insrsid4221279\charrsid12978052 \hich\af1\dbch\af31501\loch\f1 _x000d__x000a_&lt;Members&gt;}{\rtlch\fcs1 \af0 \ltrch\fcs0 \insrsid4221279\charrsid12978052 [ZMEMBERS]}{\rtlch\fcs1 \af0 \ltrch\fcs0 \cs17\b0\v\fs20\cf9\lang1024\langfe1024\loch\af1\hich\af1\dbch\af31501\noproof\insrsid4221279\charrsid12978052 _x000d__x000a_\hich\af1\dbch\af31501\loch\f1 &lt;/Members&gt;}{\rtlch\fcs1 \af0 \ltrch\fcs0 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langnp1043\insrsid4221279\charrsid8592600 \hich\af1\dbch\af31501\loch\f1 &lt;AuNomDe&gt;&lt;OptDel&gt;}{\rtlch\fcs1 \af0 \ltrch\fcs0 _x000d__x000a_\lang1024\langfe1024\noproof\langnp1043\insrsid4221279\charrsid8592600 [ZONBEHALF]}{\rtlch\fcs1 \af0 \ltrch\fcs0 \cs17\v\fs20\cf9\lang1024\langfe1024\loch\af1\hich\af1\dbch\af31501\noproof\langnp1043\insrsid4221279\charrsid8592600 _x000d__x000a_\hich\af1\dbch\af31501\loch\f1 &lt;/OptDel&gt;&lt;/AuNomDe&gt;}{\rtlch\fcs1 \af0 \ltrch\fcs0 \lang1043\langfe2057\langnp1043\insrsid4221279\charrsid8592600 _x000d__x000a_\par &lt;&lt;&lt;}{\rtlch\fcs1 \af0 \ltrch\fcs0 \cs17\v\fs20\cf9\lang1024\langfe1024\loch\af1\hich\af1\dbch\af31501\noproof\langnp1043\insrsid4221279\charrsid8592600 \hich\af1\dbch\af31501\loch\f1 &lt;/RepeatBlock-By&gt;}{\rtlch\fcs1 \af0 \ltrch\fcs0 _x000d__x000a_\lang1043\langfe2057\langnp1043\insrsid4221279\charrsid8592600 _x000d__x000a_\par }\pard\plain \ltrpar\s18\ql \li0\ri0\nowidctlpar\tqr\tx9071\wrapdefault\aspalpha\aspnum\faauto\adjustright\rin0\lin0\itap0\pararsid4221279 \rtlch\fcs1 \af0\afs20\alang1025 \ltrch\fcs0 \b\fs24\lang2057\langfe2057\cgrid\langnp2057\langfenp2057 {\rtlch\fcs1 _x000d__x000a_\af0 \ltrch\fcs0 \cs17\b0\v\fs20\cf9\lang1024\langfe1024\loch\af1\hich\af1\dbch\af31501\noproof\langnp1043\insrsid4221279\charrsid8592600 \hich\af1\dbch\af31501\loch\f1 &lt;TitreType&gt;}{\rtlch\fcs1 \af0 \ltrch\fcs0 _x000d__x000a_\lang1043\langfe2057\langnp1043\insrsid4221279\charrsid8592600 [ZAMENDDOCTYPE]}{\rtlch\fcs1 \af0 \ltrch\fcs0 \cs17\b0\v\fs20\cf9\lang1024\langfe1024\loch\af1\hich\af1\dbch\af31501\noproof\langnp1043\insrsid4221279\charrsid8592600 _x000d__x000a_\hich\af1\dbch\af31501\loch\f1 &lt;/TitreType&gt;}{\rtlch\fcs1 \af0 \ltrch\fcs0 \lang1024\langfe1024\noproof\langnp1043\insrsid4221279\charrsid8592600 \tab [ZNRB]/[ZDOCYEAR]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1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2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3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\pard\plain \ltrpar\s19\ql \li0\ri0\sa240\nowidctlpar\wrapdefault\aspalpha\aspnum\faauto\adjustright\rin0\lin0\itap0\pararsid4221279 \rtlch\fcs1 \af0\afs20\alang1025 \ltrch\fcs0 \fs24\lang2057\langfe2057\cgrid\langnp2057\langfenp2057 {\rtlch\fcs1 \af0 _x000d__x000a_\ltrch\fcs0 \cs17\v\fs20\cf9\lang1024\langfe1024\loch\af1\hich\af1\dbch\af31501\noproof\langnp1036\insrsid4221279\charrsid14682080 \hich\af1\dbch\af31501\loch\f1 &lt;Titre&gt;}{\rtlch\fcs1 \af0 \ltrch\fcs0 _x000d__x000a_\lang1024\langfe1024\noproof\langnp1036\insrsid4221279\charrsid14682080 [ZTITLE]}{\rtlch\fcs1 \af0 \ltrch\fcs0 \cs17\v\fs20\cf9\lang1024\langfe1024\loch\af1\hich\af1\dbch\af31501\noproof\langnp1036\insrsid4221279\charrsid14682080 _x000d__x000a_\hich\af1\dbch\af31501\loch\f1 &lt;/Titre&gt;}{\rtlch\fcs1 \af0 \ltrch\fcs0 \lang1036\langfe2057\langnp1036\insrsid4221279\charrsid14682080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4682080 \hich\af1\dbch\af31501\loch\f1 &lt;DocAmend&gt;}{\rtlch\fcs1 \af0 \ltrch\fcs0 _x000d__x000a_\lang1036\langfe2057\langnp1036\insrsid4221279\charrsid14682080 [ZAMDOC]}{\rtlch\fcs1 \af0 \ltrch\fcs0 \cs17\b0\v\fs20\cf9\lang1024\langfe1024\loch\af1\hich\af1\dbch\af31501\noproof\langnp1036\insrsid4221279\charrsid14682080 _x000d__x000a_\hich\af1\dbch\af31501\loch\f1 &lt;/DocAmend&gt;}{\rtlch\fcs1 \af0 \ltrch\fcs0 \lang1036\langfe2057\langnp1036\insrsid4221279\charrsid14682080 _x000d__x000a_\par }{\rtlch\fcs1 \af0 \ltrch\fcs0 \cs17\b0\v\fs20\cf9\lang1024\langfe1024\loch\af1\hich\af1\dbch\af31501\noproof\insrsid4221279\charrsid12978052 \hich\af1\dbch\af31501\loch\f1 &lt;Article&gt;}{\rtlch\fcs1 \af0 \ltrch\fcs0 \insrsid4221279\charrsid12978052 [ZAMPART]_x000d__x000a_}{\rtlch\fcs1 \af0 \ltrch\fcs0 \cs17\b0\v\fs20\cf9\lang1024\langfe1024\loch\af1\hich\af1\dbch\af31501\noproof\insrsid4221279\charrsid12978052 \hich\af1\dbch\af31501\loch\f1 &lt;/Article&gt;}{\rtlch\fcs1 \af0 \ltrch\fcs0 \insrsid4221279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7681602 \rtlch\fcs1 \af0\afs20\alang1025 \ltrch\fcs0 \i\fs24\lang2057\langfe2057\cgrid\langnp2057\langfenp2057 {\rtlch\fcs1 \af0 \ltrch\fcs0 _x000d__x000a_\insrsid4221279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4221279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6904234 \rtlch\fcs1 \af0\afs20\alang1025 \ltrch\fcs0 \fs24\lang2057\langfe2057\cgrid\langnp2057\langfenp2057 {\rtlch\fcs1 \af0 \ltrch\fcs0 _x000d__x000a_\insrsid4221279\charrsid12978052 [ZTEXTL]\cell [ZTEXTR]}{\rtlch\fcs1 \af0\afs24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4221279 \rtlch\fcs1 \af0\afs20\alang1025 \ltrch\fcs0 \fs24\lang2057\langfe2057\cgrid\langnp2057\langfenp2057 {\rtlch\fcs1 \af0 \ltrch\fcs0 _x000d__x000a_\insrsid4221279\charrsid12978052 Or. }{\rtlch\fcs1 \af0 \ltrch\fcs0 \cs17\v\fs20\cf9\lang1024\langfe1024\loch\af1\hich\af1\dbch\af31501\noproof\insrsid4221279\charrsid12978052 \hich\af1\dbch\af31501\loch\f1 &lt;Original&gt;}{\rtlch\fcs1 \af0 \ltrch\fcs0 _x000d__x000a_\insrsid4221279\charrsid12978052 [ZORLANG]}{\rtlch\fcs1 \af0 \ltrch\fcs0 \cs17\v\fs20\cf9\lang1024\langfe1024\loch\af1\hich\af1\dbch\af31501\noproof\insrsid4221279\charrsid12978052 \hich\af1\dbch\af31501\loch\f1 &lt;/Original&gt;}{\rtlch\fcs1 \af0 \ltrch\fcs0 _x000d__x000a_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lang1024\langfe1024\noproof\insrsid4221279\charrsid12978052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250"/>
    <w:docVar w:name="TABLERS1MNU" w:val="2"/>
    <w:docVar w:name="TABLERS2MNU" w:val="1"/>
    <w:docVar w:name="TABLERS3MNU" w:val="2"/>
    <w:docVar w:name="TABLERSMNU" w:val=" 2"/>
    <w:docVar w:name="TVTAMPART" w:val="Paragraph 19"/>
    <w:docVar w:name="TVTMEMBERS1" w:val="Michael Gahler"/>
    <w:docVar w:name="TXTDOCYEAR" w:val="2022"/>
    <w:docVar w:name="TXTLANGUE" w:val="EN"/>
    <w:docVar w:name="TXTLANGUEMIN" w:val="en"/>
    <w:docVar w:name="TXTNRB" w:val="0123/2022"/>
    <w:docVar w:name="TXTNRFIRSTAM" w:val="12"/>
    <w:docVar w:name="TXTNRLASTAM" w:val="12"/>
    <w:docVar w:name="TXTNRPE" w:val="719.388"/>
    <w:docVar w:name="TXTPEorAP" w:val="PE"/>
    <w:docVar w:name="TXTROUTE" w:val="AM\1250510EN.docx"/>
    <w:docVar w:name="TXTTABLERSRE2" w:val="PPE, S&amp;D, Renew, Verts/ALE, ECR, The Left"/>
    <w:docVar w:name="TXTTITLE" w:val="Russian aggression against Ukraine"/>
    <w:docVar w:name="TXTVERSION" w:val="01-00"/>
  </w:docVars>
  <w:rsids>
    <w:rsidRoot w:val="005C745F"/>
    <w:rsid w:val="0000588A"/>
    <w:rsid w:val="00014832"/>
    <w:rsid w:val="00022FDD"/>
    <w:rsid w:val="000554AB"/>
    <w:rsid w:val="000E6E54"/>
    <w:rsid w:val="000F410B"/>
    <w:rsid w:val="000F6704"/>
    <w:rsid w:val="001276B5"/>
    <w:rsid w:val="001A0C3E"/>
    <w:rsid w:val="001D2FBF"/>
    <w:rsid w:val="001E376E"/>
    <w:rsid w:val="001E7311"/>
    <w:rsid w:val="00203842"/>
    <w:rsid w:val="00244319"/>
    <w:rsid w:val="00284565"/>
    <w:rsid w:val="002C7968"/>
    <w:rsid w:val="002F016D"/>
    <w:rsid w:val="003000AD"/>
    <w:rsid w:val="00346FE1"/>
    <w:rsid w:val="003C5286"/>
    <w:rsid w:val="003E02D5"/>
    <w:rsid w:val="00431305"/>
    <w:rsid w:val="00465AD4"/>
    <w:rsid w:val="004D5682"/>
    <w:rsid w:val="005008D9"/>
    <w:rsid w:val="00541E35"/>
    <w:rsid w:val="00571347"/>
    <w:rsid w:val="00584F38"/>
    <w:rsid w:val="005C745F"/>
    <w:rsid w:val="005D2062"/>
    <w:rsid w:val="005D3763"/>
    <w:rsid w:val="005E5E75"/>
    <w:rsid w:val="005F0730"/>
    <w:rsid w:val="00651D47"/>
    <w:rsid w:val="00657A31"/>
    <w:rsid w:val="00670416"/>
    <w:rsid w:val="006959AA"/>
    <w:rsid w:val="006C73E2"/>
    <w:rsid w:val="006D361A"/>
    <w:rsid w:val="00753642"/>
    <w:rsid w:val="0076496E"/>
    <w:rsid w:val="00781C22"/>
    <w:rsid w:val="007B6614"/>
    <w:rsid w:val="007C15A8"/>
    <w:rsid w:val="00807237"/>
    <w:rsid w:val="00831CD8"/>
    <w:rsid w:val="00897228"/>
    <w:rsid w:val="008A104E"/>
    <w:rsid w:val="008B2FD8"/>
    <w:rsid w:val="00940790"/>
    <w:rsid w:val="009A1859"/>
    <w:rsid w:val="009B6FC3"/>
    <w:rsid w:val="00A004B6"/>
    <w:rsid w:val="00A11CA3"/>
    <w:rsid w:val="00A23DC7"/>
    <w:rsid w:val="00A95DBC"/>
    <w:rsid w:val="00AA1096"/>
    <w:rsid w:val="00AF5BE6"/>
    <w:rsid w:val="00B26EE9"/>
    <w:rsid w:val="00B4550B"/>
    <w:rsid w:val="00B860FC"/>
    <w:rsid w:val="00BA640E"/>
    <w:rsid w:val="00BB3544"/>
    <w:rsid w:val="00BF6EA4"/>
    <w:rsid w:val="00C344FB"/>
    <w:rsid w:val="00C345E4"/>
    <w:rsid w:val="00C60784"/>
    <w:rsid w:val="00C764DE"/>
    <w:rsid w:val="00C92392"/>
    <w:rsid w:val="00CA0772"/>
    <w:rsid w:val="00CC3039"/>
    <w:rsid w:val="00D07ACB"/>
    <w:rsid w:val="00D61B7A"/>
    <w:rsid w:val="00DB5E45"/>
    <w:rsid w:val="00E007E0"/>
    <w:rsid w:val="00E55E9B"/>
    <w:rsid w:val="00F8766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52C2BEB-61DF-4729-8EBB-1756ACEAFC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442</Words>
  <Characters>2677</Characters>
  <Application>Microsoft Office Word</Application>
  <DocSecurity>0</DocSecurity>
  <Lines>86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31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MARTÍNEZ BENITO Sara</dc:creator>
  <cp:lastModifiedBy>DIACONESCU Simona</cp:lastModifiedBy>
  <cp:revision>2</cp:revision>
  <cp:lastPrinted>2004-11-28T14:02:00Z</cp:lastPrinted>
  <dcterms:created xsi:type="dcterms:W3CDTF">2022-03-01T07:56:00Z</dcterms:created>
  <dcterms:modified xsi:type="dcterms:W3CDTF">2022-03-01T07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RO</vt:lpwstr>
  </property>
  <property fmtid="{D5CDD505-2E9C-101B-9397-08002B2CF9AE}" pid="3" name="&lt;FdR&gt;">
    <vt:lpwstr>1250510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1/12/2020 07:19:23)</vt:lpwstr>
  </property>
  <property fmtid="{D5CDD505-2E9C-101B-9397-08002B2CF9AE}" pid="6" name="&lt;ModelTra&gt;">
    <vt:lpwstr>\\eiciLUXpr1\pdocep$\DocEP\TRANSFIL\EN\AM_Ple_NonLegRE.EN(11/12/2020 07:19:07)</vt:lpwstr>
  </property>
  <property fmtid="{D5CDD505-2E9C-101B-9397-08002B2CF9AE}" pid="7" name="&lt;Type&gt;">
    <vt:lpwstr>AM</vt:lpwstr>
  </property>
  <property fmtid="{D5CDD505-2E9C-101B-9397-08002B2CF9AE}" pid="8" name="Bookout">
    <vt:lpwstr>OK - 2022/03/01 08:56</vt:lpwstr>
  </property>
  <property fmtid="{D5CDD505-2E9C-101B-9397-08002B2CF9AE}" pid="9" name="Created with">
    <vt:lpwstr>9.11.0 Build [20211103]</vt:lpwstr>
  </property>
  <property fmtid="{D5CDD505-2E9C-101B-9397-08002B2CF9AE}" pid="10" name="FooterPath">
    <vt:lpwstr>AM\1250510RO.docx</vt:lpwstr>
  </property>
  <property fmtid="{D5CDD505-2E9C-101B-9397-08002B2CF9AE}" pid="11" name="LastEdited with">
    <vt:lpwstr>9.11.0 Build [20211103]</vt:lpwstr>
  </property>
  <property fmtid="{D5CDD505-2E9C-101B-9397-08002B2CF9AE}" pid="12" name="PE number">
    <vt:lpwstr>719.388</vt:lpwstr>
  </property>
  <property fmtid="{D5CDD505-2E9C-101B-9397-08002B2CF9AE}" pid="13" name="SDLStudio">
    <vt:lpwstr/>
  </property>
</Properties>
</file>